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header.xml" ContentType="application/vnd.openxmlformats-officedocument.wordprocessingml.header+xml"/>
  <Override PartName="/word/header2.xml" ContentType="application/vnd.openxmlformats-officedocument.wordprocessingml.header+xml"/>
  <Override PartName="/word/footer2.xml" ContentType="application/vnd.openxmlformats-officedocument.wordprocessingml.footer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pic="http://schemas.openxmlformats.org/drawingml/2006/picture" mc:Ignorable="w14 w15 w16se wp14">
  <w:body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07"/>
        <w:gridCol w:w="964"/>
        <w:gridCol w:w="964"/>
        <w:gridCol w:w="1587"/>
        <w:gridCol w:w="1587"/>
        <w:gridCol w:w="1499"/>
        <w:gridCol w:w="1559"/>
        <w:gridCol w:w="1560"/>
        <w:gridCol w:w="1559"/>
        <w:gridCol w:w="1531"/>
        <w:gridCol w:w="1220"/>
      </w:tblGrid>
      <w:tr w:rsidR="66C2D5F6" w:rsidTr="66C2D5F6" w14:paraId="1AAC7FDD">
        <w:trPr>
          <w:trHeight w:val="775"/>
        </w:trPr>
        <w:tc>
          <w:tcPr>
            <w:tcW w:w="14937" w:type="dxa"/>
            <w:gridSpan w:val="11"/>
            <w:tcMar/>
          </w:tcPr>
          <w:p w:rsidR="66C2D5F6" w:rsidP="66C2D5F6" w:rsidRDefault="66C2D5F6" w14:paraId="306DC172" w14:textId="02083E2A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 xml:space="preserve">Supplemental Table </w:t>
            </w:r>
            <w:r w:rsidRPr="66C2D5F6" w:rsidR="7827968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1</w:t>
            </w: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 xml:space="preserve">. </w:t>
            </w:r>
            <w:r w:rsidRPr="66C2D5F6" w:rsidR="66C2D5F6">
              <w:rPr>
                <w:rFonts w:ascii="Times New Roman" w:hAnsi="Times New Roman" w:eastAsia="MS Mincho" w:cs="Arial"/>
                <w:b w:val="0"/>
                <w:bCs w:val="0"/>
                <w:sz w:val="20"/>
                <w:szCs w:val="20"/>
                <w:lang w:val="en-US" w:eastAsia="ja-JP"/>
              </w:rPr>
              <w:t xml:space="preserve">Full patient characteristics. </w:t>
            </w:r>
          </w:p>
        </w:tc>
      </w:tr>
      <w:tr w:rsidR="66C2D5F6" w:rsidTr="66C2D5F6" w14:paraId="26293B55">
        <w:trPr>
          <w:trHeight w:val="775"/>
        </w:trPr>
        <w:tc>
          <w:tcPr>
            <w:tcW w:w="907" w:type="dxa"/>
            <w:tcMar/>
          </w:tcPr>
          <w:p w:rsidR="66C2D5F6" w:rsidP="66C2D5F6" w:rsidRDefault="66C2D5F6" w14:paraId="1655F0FC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Patient number</w:t>
            </w:r>
          </w:p>
        </w:tc>
        <w:tc>
          <w:tcPr>
            <w:tcW w:w="964" w:type="dxa"/>
            <w:tcMar/>
          </w:tcPr>
          <w:p w:rsidR="66C2D5F6" w:rsidP="66C2D5F6" w:rsidRDefault="66C2D5F6" w14:paraId="675F919D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Age</w:t>
            </w:r>
          </w:p>
        </w:tc>
        <w:tc>
          <w:tcPr>
            <w:tcW w:w="964" w:type="dxa"/>
            <w:tcMar/>
          </w:tcPr>
          <w:p w:rsidR="66C2D5F6" w:rsidP="66C2D5F6" w:rsidRDefault="66C2D5F6" w14:paraId="35EC5C67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Sex</w:t>
            </w:r>
          </w:p>
        </w:tc>
        <w:tc>
          <w:tcPr>
            <w:tcW w:w="1587" w:type="dxa"/>
            <w:tcMar/>
          </w:tcPr>
          <w:p w:rsidR="66C2D5F6" w:rsidP="66C2D5F6" w:rsidRDefault="66C2D5F6" w14:paraId="2A93CABD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Glioma subtype and grade</w:t>
            </w:r>
          </w:p>
        </w:tc>
        <w:tc>
          <w:tcPr>
            <w:tcW w:w="1587" w:type="dxa"/>
            <w:tcMar/>
          </w:tcPr>
          <w:p w:rsidR="66C2D5F6" w:rsidP="66C2D5F6" w:rsidRDefault="66C2D5F6" w14:paraId="68A78552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Previous treatment</w:t>
            </w:r>
          </w:p>
        </w:tc>
        <w:tc>
          <w:tcPr>
            <w:tcW w:w="1499" w:type="dxa"/>
            <w:tcMar/>
          </w:tcPr>
          <w:p w:rsidR="66C2D5F6" w:rsidP="66C2D5F6" w:rsidRDefault="66C2D5F6" w14:paraId="036568F8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Time since last radiotherapy fraction (months)</w:t>
            </w:r>
          </w:p>
        </w:tc>
        <w:tc>
          <w:tcPr>
            <w:tcW w:w="1559" w:type="dxa"/>
            <w:tcMar/>
          </w:tcPr>
          <w:p w:rsidR="66C2D5F6" w:rsidP="66C2D5F6" w:rsidRDefault="66C2D5F6" w14:paraId="7B811632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EARL1 outcomes</w:t>
            </w:r>
          </w:p>
        </w:tc>
        <w:tc>
          <w:tcPr>
            <w:tcW w:w="1560" w:type="dxa"/>
            <w:tcMar/>
          </w:tcPr>
          <w:p w:rsidR="66C2D5F6" w:rsidP="66C2D5F6" w:rsidRDefault="66C2D5F6" w14:paraId="038C9320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EARL2 outcomes</w:t>
            </w:r>
          </w:p>
        </w:tc>
        <w:tc>
          <w:tcPr>
            <w:tcW w:w="1559" w:type="dxa"/>
            <w:tcMar/>
          </w:tcPr>
          <w:p w:rsidR="66C2D5F6" w:rsidP="66C2D5F6" w:rsidRDefault="66C2D5F6" w14:paraId="13D460F0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BSREM150 outcomes</w:t>
            </w:r>
          </w:p>
        </w:tc>
        <w:tc>
          <w:tcPr>
            <w:tcW w:w="1531" w:type="dxa"/>
            <w:tcMar/>
          </w:tcPr>
          <w:p w:rsidR="66C2D5F6" w:rsidP="66C2D5F6" w:rsidRDefault="66C2D5F6" w14:paraId="7E405325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Follow-up outcome</w:t>
            </w:r>
          </w:p>
        </w:tc>
        <w:tc>
          <w:tcPr>
            <w:tcW w:w="1220" w:type="dxa"/>
            <w:tcMar/>
          </w:tcPr>
          <w:p w:rsidR="66C2D5F6" w:rsidP="66C2D5F6" w:rsidRDefault="66C2D5F6" w14:paraId="6669A9C0">
            <w:pPr>
              <w:spacing w:after="180" w:line="240" w:lineRule="auto"/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b w:val="1"/>
                <w:bCs w:val="1"/>
                <w:sz w:val="20"/>
                <w:szCs w:val="20"/>
                <w:lang w:val="en-US" w:eastAsia="ja-JP"/>
              </w:rPr>
              <w:t>Follow-up time (months)</w:t>
            </w:r>
          </w:p>
        </w:tc>
      </w:tr>
      <w:tr w:rsidR="66C2D5F6" w:rsidTr="66C2D5F6" w14:paraId="4AC8B665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6166EE6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</w:t>
            </w:r>
          </w:p>
        </w:tc>
        <w:tc>
          <w:tcPr>
            <w:tcW w:w="964" w:type="dxa"/>
            <w:tcMar/>
          </w:tcPr>
          <w:p w:rsidR="66C2D5F6" w:rsidP="66C2D5F6" w:rsidRDefault="66C2D5F6" w14:paraId="7A980C1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9</w:t>
            </w:r>
          </w:p>
        </w:tc>
        <w:tc>
          <w:tcPr>
            <w:tcW w:w="964" w:type="dxa"/>
            <w:tcMar/>
          </w:tcPr>
          <w:p w:rsidR="66C2D5F6" w:rsidP="66C2D5F6" w:rsidRDefault="66C2D5F6" w14:paraId="0B25715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656816E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7F9583F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1B5EDF4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8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0393A90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1.80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.4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2BB7C8E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2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3.28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B05936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54 BTV: 3.8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0C62237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3B81821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13, </w:t>
            </w:r>
            <w:r w:rsidRPr="66C2D5F6" w:rsidR="66C2D5F6">
              <w:rPr>
                <w:rFonts w:ascii="Segoe UI Symbol" w:hAnsi="Segoe UI Symbol" w:eastAsia="MS Mincho" w:cs="Segoe UI Symbol"/>
                <w:sz w:val="20"/>
                <w:szCs w:val="20"/>
                <w:lang w:val="en-US" w:eastAsia="ja-JP"/>
              </w:rPr>
              <w:t>✝</w:t>
            </w:r>
          </w:p>
        </w:tc>
      </w:tr>
      <w:tr w:rsidR="66C2D5F6" w:rsidTr="66C2D5F6" w14:paraId="10C8B883">
        <w:trPr>
          <w:trHeight w:val="598"/>
        </w:trPr>
        <w:tc>
          <w:tcPr>
            <w:tcW w:w="907" w:type="dxa"/>
            <w:tcMar/>
          </w:tcPr>
          <w:p w:rsidR="66C2D5F6" w:rsidP="66C2D5F6" w:rsidRDefault="66C2D5F6" w14:paraId="589808E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</w:t>
            </w:r>
          </w:p>
        </w:tc>
        <w:tc>
          <w:tcPr>
            <w:tcW w:w="964" w:type="dxa"/>
            <w:tcMar/>
          </w:tcPr>
          <w:p w:rsidR="66C2D5F6" w:rsidP="66C2D5F6" w:rsidRDefault="66C2D5F6" w14:paraId="1CA1E23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7</w:t>
            </w:r>
          </w:p>
        </w:tc>
        <w:tc>
          <w:tcPr>
            <w:tcW w:w="964" w:type="dxa"/>
            <w:tcMar/>
          </w:tcPr>
          <w:p w:rsidR="66C2D5F6" w:rsidP="66C2D5F6" w:rsidRDefault="66C2D5F6" w14:paraId="510E8CA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54CCBAA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4ED6DEF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3F8635B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4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107B2B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6.8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9.6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59A55D9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7.9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6.56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477F36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8.0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1.43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3DA192F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1D27521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4, </w:t>
            </w:r>
            <w:r w:rsidRPr="66C2D5F6" w:rsidR="66C2D5F6">
              <w:rPr>
                <w:rFonts w:ascii="Segoe UI Symbol" w:hAnsi="Segoe UI Symbol" w:eastAsia="MS Mincho" w:cs="Segoe UI Symbol"/>
                <w:sz w:val="20"/>
                <w:szCs w:val="20"/>
                <w:lang w:val="en-US" w:eastAsia="ja-JP"/>
              </w:rPr>
              <w:t>✝</w:t>
            </w:r>
          </w:p>
        </w:tc>
      </w:tr>
      <w:tr w:rsidR="66C2D5F6" w:rsidTr="66C2D5F6" w14:paraId="0B691F12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19E948C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</w:t>
            </w:r>
          </w:p>
        </w:tc>
        <w:tc>
          <w:tcPr>
            <w:tcW w:w="964" w:type="dxa"/>
            <w:tcMar/>
          </w:tcPr>
          <w:p w:rsidR="66C2D5F6" w:rsidP="66C2D5F6" w:rsidRDefault="66C2D5F6" w14:paraId="38EA4C3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8</w:t>
            </w:r>
          </w:p>
        </w:tc>
        <w:tc>
          <w:tcPr>
            <w:tcW w:w="964" w:type="dxa"/>
            <w:tcMar/>
          </w:tcPr>
          <w:p w:rsidR="66C2D5F6" w:rsidP="66C2D5F6" w:rsidRDefault="66C2D5F6" w14:paraId="7E82C75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6CC97A3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25204EA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1B87C0A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3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2A6AB0A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3.0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1.10 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5C52FFC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6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1.79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1F8903B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5.12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0.95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4EAB251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 +</w:t>
            </w:r>
          </w:p>
        </w:tc>
        <w:tc>
          <w:tcPr>
            <w:tcW w:w="1220" w:type="dxa"/>
            <w:tcMar/>
          </w:tcPr>
          <w:p w:rsidR="66C2D5F6" w:rsidP="66C2D5F6" w:rsidRDefault="66C2D5F6" w14:paraId="26462743" w14:textId="2AFE4C20">
            <w:pPr>
              <w:spacing w:after="180" w:line="240" w:lineRule="auto"/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1</w:t>
            </w:r>
          </w:p>
        </w:tc>
      </w:tr>
      <w:tr w:rsidR="66C2D5F6" w:rsidTr="66C2D5F6" w14:paraId="0795D07C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2FF69AF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</w:t>
            </w:r>
          </w:p>
        </w:tc>
        <w:tc>
          <w:tcPr>
            <w:tcW w:w="964" w:type="dxa"/>
            <w:tcMar/>
          </w:tcPr>
          <w:p w:rsidR="66C2D5F6" w:rsidP="66C2D5F6" w:rsidRDefault="66C2D5F6" w14:paraId="7071DED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5</w:t>
            </w:r>
          </w:p>
        </w:tc>
        <w:tc>
          <w:tcPr>
            <w:tcW w:w="964" w:type="dxa"/>
            <w:tcMar/>
          </w:tcPr>
          <w:p w:rsidR="66C2D5F6" w:rsidP="66C2D5F6" w:rsidRDefault="66C2D5F6" w14:paraId="42EC666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0F18FFD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10C4A49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7C1F3A4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1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5B8ED9C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1.4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60" w:type="dxa"/>
            <w:shd w:val="clear" w:color="auto" w:fill="EAF1DD" w:themeFill="accent3" w:themeFillTint="33"/>
            <w:tcMar/>
          </w:tcPr>
          <w:p w:rsidR="66C2D5F6" w:rsidP="66C2D5F6" w:rsidRDefault="66C2D5F6" w14:paraId="6A5A446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4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706BAE8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8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.05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31" w:type="dxa"/>
            <w:shd w:val="clear" w:color="auto" w:fill="EAF1DD" w:themeFill="accent3" w:themeFillTint="33"/>
            <w:tcMar/>
          </w:tcPr>
          <w:p w:rsidR="66C2D5F6" w:rsidP="66C2D5F6" w:rsidRDefault="66C2D5F6" w14:paraId="26785AC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220" w:type="dxa"/>
            <w:tcMar/>
          </w:tcPr>
          <w:p w:rsidR="66C2D5F6" w:rsidP="66C2D5F6" w:rsidRDefault="66C2D5F6" w14:paraId="5900D1AD" w14:textId="612478D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9</w:t>
            </w:r>
          </w:p>
        </w:tc>
      </w:tr>
      <w:tr w:rsidR="66C2D5F6" w:rsidTr="66C2D5F6" w14:paraId="5C42648D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072BB9F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</w:t>
            </w:r>
          </w:p>
        </w:tc>
        <w:tc>
          <w:tcPr>
            <w:tcW w:w="964" w:type="dxa"/>
            <w:tcMar/>
          </w:tcPr>
          <w:p w:rsidR="66C2D5F6" w:rsidP="66C2D5F6" w:rsidRDefault="66C2D5F6" w14:paraId="1BBD51F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8</w:t>
            </w:r>
          </w:p>
        </w:tc>
        <w:tc>
          <w:tcPr>
            <w:tcW w:w="964" w:type="dxa"/>
            <w:tcMar/>
          </w:tcPr>
          <w:p w:rsidR="66C2D5F6" w:rsidP="66C2D5F6" w:rsidRDefault="66C2D5F6" w14:paraId="57BAB2F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5788F9B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4</w:t>
            </w:r>
          </w:p>
        </w:tc>
        <w:tc>
          <w:tcPr>
            <w:tcW w:w="1587" w:type="dxa"/>
            <w:tcMar/>
          </w:tcPr>
          <w:p w:rsidR="66C2D5F6" w:rsidP="66C2D5F6" w:rsidRDefault="66C2D5F6" w14:paraId="42524AF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2C540E6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72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664DB6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3.0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2.2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77F11BD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3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2.37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461A1E9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8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1.2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6573CD2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 +</w:t>
            </w:r>
          </w:p>
        </w:tc>
        <w:tc>
          <w:tcPr>
            <w:tcW w:w="1220" w:type="dxa"/>
            <w:tcMar/>
          </w:tcPr>
          <w:p w:rsidR="66C2D5F6" w:rsidP="66C2D5F6" w:rsidRDefault="66C2D5F6" w14:paraId="15777378" w14:textId="26FECE6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9</w:t>
            </w:r>
          </w:p>
        </w:tc>
      </w:tr>
      <w:tr w:rsidR="66C2D5F6" w:rsidTr="66C2D5F6" w14:paraId="52F79DE3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55754E1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6</w:t>
            </w:r>
          </w:p>
        </w:tc>
        <w:tc>
          <w:tcPr>
            <w:tcW w:w="964" w:type="dxa"/>
            <w:tcMar/>
          </w:tcPr>
          <w:p w:rsidR="66C2D5F6" w:rsidP="66C2D5F6" w:rsidRDefault="66C2D5F6" w14:paraId="3977244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0</w:t>
            </w:r>
          </w:p>
        </w:tc>
        <w:tc>
          <w:tcPr>
            <w:tcW w:w="964" w:type="dxa"/>
            <w:tcMar/>
          </w:tcPr>
          <w:p w:rsidR="66C2D5F6" w:rsidP="66C2D5F6" w:rsidRDefault="66C2D5F6" w14:paraId="3CD561C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21BA033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4</w:t>
            </w:r>
          </w:p>
        </w:tc>
        <w:tc>
          <w:tcPr>
            <w:tcW w:w="1587" w:type="dxa"/>
            <w:tcMar/>
          </w:tcPr>
          <w:p w:rsidR="66C2D5F6" w:rsidP="66C2D5F6" w:rsidRDefault="66C2D5F6" w14:paraId="58F9715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0A99454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3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499D252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1.5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60" w:type="dxa"/>
            <w:shd w:val="clear" w:color="auto" w:fill="EAF1DD" w:themeFill="accent3" w:themeFillTint="33"/>
            <w:tcMar/>
          </w:tcPr>
          <w:p w:rsidR="66C2D5F6" w:rsidP="66C2D5F6" w:rsidRDefault="66C2D5F6" w14:paraId="33E51B2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7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.5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CD21F4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32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.42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EAF1DD" w:themeFill="accent3" w:themeFillTint="33"/>
            <w:tcMar/>
          </w:tcPr>
          <w:p w:rsidR="66C2D5F6" w:rsidP="66C2D5F6" w:rsidRDefault="66C2D5F6" w14:paraId="192B78D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220" w:type="dxa"/>
            <w:tcMar/>
          </w:tcPr>
          <w:p w:rsidR="66C2D5F6" w:rsidP="66C2D5F6" w:rsidRDefault="66C2D5F6" w14:paraId="505BA547" w14:textId="0AF650D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9</w:t>
            </w:r>
          </w:p>
        </w:tc>
      </w:tr>
      <w:tr w:rsidR="66C2D5F6" w:rsidTr="66C2D5F6" w14:paraId="3835061A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7C9E3AD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7 </w:t>
            </w:r>
          </w:p>
        </w:tc>
        <w:tc>
          <w:tcPr>
            <w:tcW w:w="964" w:type="dxa"/>
            <w:tcMar/>
          </w:tcPr>
          <w:p w:rsidR="66C2D5F6" w:rsidP="66C2D5F6" w:rsidRDefault="66C2D5F6" w14:paraId="7381A6E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9</w:t>
            </w:r>
          </w:p>
        </w:tc>
        <w:tc>
          <w:tcPr>
            <w:tcW w:w="964" w:type="dxa"/>
            <w:tcMar/>
          </w:tcPr>
          <w:p w:rsidR="66C2D5F6" w:rsidP="66C2D5F6" w:rsidRDefault="66C2D5F6" w14:paraId="3A5061E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5368BF3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778C26C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634F3FA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0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50045AF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2.32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3.95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0A54267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6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5.17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44A97BA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38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5.3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3C5A7F6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 +</w:t>
            </w:r>
          </w:p>
        </w:tc>
        <w:tc>
          <w:tcPr>
            <w:tcW w:w="1220" w:type="dxa"/>
            <w:tcMar/>
          </w:tcPr>
          <w:p w:rsidR="66C2D5F6" w:rsidP="66C2D5F6" w:rsidRDefault="66C2D5F6" w14:paraId="46335EE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9, </w:t>
            </w:r>
            <w:r w:rsidRPr="66C2D5F6" w:rsidR="66C2D5F6">
              <w:rPr>
                <w:rFonts w:ascii="Segoe UI Symbol" w:hAnsi="Segoe UI Symbol" w:eastAsia="MS Mincho" w:cs="Segoe UI Symbol"/>
                <w:sz w:val="20"/>
                <w:szCs w:val="20"/>
                <w:lang w:val="en-US" w:eastAsia="ja-JP"/>
              </w:rPr>
              <w:t>✝</w:t>
            </w:r>
          </w:p>
        </w:tc>
      </w:tr>
      <w:tr w:rsidR="66C2D5F6" w:rsidTr="66C2D5F6" w14:paraId="33B09E5E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60FCDF9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8</w:t>
            </w:r>
          </w:p>
        </w:tc>
        <w:tc>
          <w:tcPr>
            <w:tcW w:w="964" w:type="dxa"/>
            <w:tcMar/>
          </w:tcPr>
          <w:p w:rsidR="66C2D5F6" w:rsidP="66C2D5F6" w:rsidRDefault="66C2D5F6" w14:paraId="4D98C5D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8</w:t>
            </w:r>
          </w:p>
        </w:tc>
        <w:tc>
          <w:tcPr>
            <w:tcW w:w="964" w:type="dxa"/>
            <w:tcMar/>
          </w:tcPr>
          <w:p w:rsidR="66C2D5F6" w:rsidP="66C2D5F6" w:rsidRDefault="66C2D5F6" w14:paraId="31D845E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021E339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13003FE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</w:t>
            </w:r>
          </w:p>
        </w:tc>
        <w:tc>
          <w:tcPr>
            <w:tcW w:w="1499" w:type="dxa"/>
            <w:tcMar/>
          </w:tcPr>
          <w:p w:rsidR="66C2D5F6" w:rsidP="66C2D5F6" w:rsidRDefault="66C2D5F6" w14:paraId="6DCBA08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3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564F1B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2.7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.75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4E60C75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8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3.39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252558C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8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3.55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3B4971F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 +</w:t>
            </w:r>
          </w:p>
        </w:tc>
        <w:tc>
          <w:tcPr>
            <w:tcW w:w="1220" w:type="dxa"/>
            <w:tcMar/>
          </w:tcPr>
          <w:p w:rsidR="66C2D5F6" w:rsidP="66C2D5F6" w:rsidRDefault="66C2D5F6" w14:paraId="760E376F" w14:textId="583A5F3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8</w:t>
            </w:r>
          </w:p>
        </w:tc>
      </w:tr>
      <w:tr w:rsidR="66C2D5F6" w:rsidTr="66C2D5F6" w14:paraId="5DB8AAC1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38733AB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9</w:t>
            </w:r>
          </w:p>
        </w:tc>
        <w:tc>
          <w:tcPr>
            <w:tcW w:w="964" w:type="dxa"/>
            <w:tcMar/>
          </w:tcPr>
          <w:p w:rsidR="66C2D5F6" w:rsidP="66C2D5F6" w:rsidRDefault="66C2D5F6" w14:paraId="0743A19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9</w:t>
            </w:r>
          </w:p>
        </w:tc>
        <w:tc>
          <w:tcPr>
            <w:tcW w:w="964" w:type="dxa"/>
            <w:tcMar/>
          </w:tcPr>
          <w:p w:rsidR="66C2D5F6" w:rsidP="66C2D5F6" w:rsidRDefault="66C2D5F6" w14:paraId="272EAF3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77B958E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6786A6C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41E2445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89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CC879E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3.3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30.3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7820196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0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6.92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4889141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5.00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4.4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5F45C47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 +</w:t>
            </w:r>
          </w:p>
        </w:tc>
        <w:tc>
          <w:tcPr>
            <w:tcW w:w="1220" w:type="dxa"/>
            <w:tcMar/>
          </w:tcPr>
          <w:p w:rsidR="66C2D5F6" w:rsidP="66C2D5F6" w:rsidRDefault="66C2D5F6" w14:paraId="29B00FAC" w14:textId="45CA58A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7</w:t>
            </w:r>
          </w:p>
        </w:tc>
      </w:tr>
      <w:tr w:rsidR="66C2D5F6" w:rsidTr="66C2D5F6" w14:paraId="48C70795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1641EC9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10 </w:t>
            </w:r>
          </w:p>
        </w:tc>
        <w:tc>
          <w:tcPr>
            <w:tcW w:w="964" w:type="dxa"/>
            <w:tcMar/>
          </w:tcPr>
          <w:p w:rsidR="66C2D5F6" w:rsidP="66C2D5F6" w:rsidRDefault="66C2D5F6" w14:paraId="2C0257F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7</w:t>
            </w:r>
          </w:p>
        </w:tc>
        <w:tc>
          <w:tcPr>
            <w:tcW w:w="964" w:type="dxa"/>
            <w:tcMar/>
          </w:tcPr>
          <w:p w:rsidR="66C2D5F6" w:rsidP="66C2D5F6" w:rsidRDefault="66C2D5F6" w14:paraId="0D49B95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484C404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52E5B21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1F295CF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86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18DEFA7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6.3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01.56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1B7CFFA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7.3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94.3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7B86061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6.93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93.7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75EBAD5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 +</w:t>
            </w:r>
          </w:p>
        </w:tc>
        <w:tc>
          <w:tcPr>
            <w:tcW w:w="1220" w:type="dxa"/>
            <w:tcMar/>
          </w:tcPr>
          <w:p w:rsidR="66C2D5F6" w:rsidP="66C2D5F6" w:rsidRDefault="66C2D5F6" w14:paraId="1CAA7F3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11, </w:t>
            </w:r>
            <w:r w:rsidRPr="66C2D5F6" w:rsidR="66C2D5F6">
              <w:rPr>
                <w:rFonts w:ascii="Segoe UI Symbol" w:hAnsi="Segoe UI Symbol" w:eastAsia="MS Mincho" w:cs="Segoe UI Symbol"/>
                <w:sz w:val="20"/>
                <w:szCs w:val="20"/>
                <w:lang w:val="en-US" w:eastAsia="ja-JP"/>
              </w:rPr>
              <w:t>✝</w:t>
            </w:r>
          </w:p>
        </w:tc>
      </w:tr>
      <w:tr w:rsidR="66C2D5F6" w:rsidTr="66C2D5F6" w14:paraId="312DF524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5FE4F32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11 </w:t>
            </w:r>
          </w:p>
        </w:tc>
        <w:tc>
          <w:tcPr>
            <w:tcW w:w="964" w:type="dxa"/>
            <w:tcMar/>
          </w:tcPr>
          <w:p w:rsidR="66C2D5F6" w:rsidP="66C2D5F6" w:rsidRDefault="66C2D5F6" w14:paraId="3A08EA7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7</w:t>
            </w:r>
          </w:p>
        </w:tc>
        <w:tc>
          <w:tcPr>
            <w:tcW w:w="964" w:type="dxa"/>
            <w:tcMar/>
          </w:tcPr>
          <w:p w:rsidR="66C2D5F6" w:rsidP="66C2D5F6" w:rsidRDefault="66C2D5F6" w14:paraId="50EC415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1034F82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46B3DC5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11B3605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4</w:t>
            </w:r>
          </w:p>
        </w:tc>
        <w:tc>
          <w:tcPr>
            <w:tcW w:w="1559" w:type="dxa"/>
            <w:shd w:val="clear" w:color="auto" w:fill="FBD4B4" w:themeFill="accent6" w:themeFillTint="66"/>
            <w:tcMar/>
          </w:tcPr>
          <w:p w:rsidR="66C2D5F6" w:rsidP="66C2D5F6" w:rsidRDefault="66C2D5F6" w14:paraId="47CAC89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1.9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.53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6DB9660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8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.27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A6FC6A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68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.6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3F7272F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7FEF3D2B" w14:textId="3BD7D2C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</w:t>
            </w:r>
          </w:p>
        </w:tc>
      </w:tr>
      <w:tr w:rsidR="66C2D5F6" w:rsidTr="66C2D5F6" w14:paraId="5A6580BD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39FAB78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2</w:t>
            </w:r>
          </w:p>
        </w:tc>
        <w:tc>
          <w:tcPr>
            <w:tcW w:w="964" w:type="dxa"/>
            <w:tcMar/>
          </w:tcPr>
          <w:p w:rsidR="66C2D5F6" w:rsidP="66C2D5F6" w:rsidRDefault="66C2D5F6" w14:paraId="16EA2A4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68</w:t>
            </w:r>
          </w:p>
        </w:tc>
        <w:tc>
          <w:tcPr>
            <w:tcW w:w="964" w:type="dxa"/>
            <w:tcMar/>
          </w:tcPr>
          <w:p w:rsidR="66C2D5F6" w:rsidP="66C2D5F6" w:rsidRDefault="66C2D5F6" w14:paraId="0A69AFB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6B7F5BA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58D6FAB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3FD510D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82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0EC949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4.5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.57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6B32389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5.2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.4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173437A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7.42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4.8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5032221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36E3192B" w14:textId="679288A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</w:t>
            </w:r>
          </w:p>
        </w:tc>
      </w:tr>
      <w:tr w:rsidR="66C2D5F6" w:rsidTr="66C2D5F6" w14:paraId="07FE33E7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6AF7653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3</w:t>
            </w:r>
          </w:p>
        </w:tc>
        <w:tc>
          <w:tcPr>
            <w:tcW w:w="964" w:type="dxa"/>
            <w:tcMar/>
          </w:tcPr>
          <w:p w:rsidR="66C2D5F6" w:rsidP="66C2D5F6" w:rsidRDefault="66C2D5F6" w14:paraId="3B151D4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73</w:t>
            </w:r>
          </w:p>
        </w:tc>
        <w:tc>
          <w:tcPr>
            <w:tcW w:w="964" w:type="dxa"/>
            <w:tcMar/>
          </w:tcPr>
          <w:p w:rsidR="66C2D5F6" w:rsidP="66C2D5F6" w:rsidRDefault="66C2D5F6" w14:paraId="59BE9C9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071E571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3F22210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7ECD4B4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9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E20E56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3.1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2.06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2707324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5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7.3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7AC52E0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3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61.5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68A8EE9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725D5DC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5, </w:t>
            </w:r>
            <w:r w:rsidRPr="66C2D5F6" w:rsidR="66C2D5F6">
              <w:rPr>
                <w:rFonts w:ascii="Segoe UI Symbol" w:hAnsi="Segoe UI Symbol" w:eastAsia="MS Mincho" w:cs="Segoe UI Symbol"/>
                <w:sz w:val="20"/>
                <w:szCs w:val="20"/>
                <w:lang w:val="en-US" w:eastAsia="ja-JP"/>
              </w:rPr>
              <w:t>✝</w:t>
            </w:r>
          </w:p>
        </w:tc>
      </w:tr>
      <w:tr w:rsidR="66C2D5F6" w:rsidTr="66C2D5F6" w14:paraId="4D74E1A0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4C5DCBC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14 </w:t>
            </w:r>
          </w:p>
        </w:tc>
        <w:tc>
          <w:tcPr>
            <w:tcW w:w="964" w:type="dxa"/>
            <w:tcMar/>
          </w:tcPr>
          <w:p w:rsidR="66C2D5F6" w:rsidP="66C2D5F6" w:rsidRDefault="66C2D5F6" w14:paraId="1822D61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61</w:t>
            </w:r>
          </w:p>
        </w:tc>
        <w:tc>
          <w:tcPr>
            <w:tcW w:w="964" w:type="dxa"/>
            <w:tcMar/>
          </w:tcPr>
          <w:p w:rsidR="66C2D5F6" w:rsidP="66C2D5F6" w:rsidRDefault="66C2D5F6" w14:paraId="3C00ECC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1048FF3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7EE7B27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74B4E21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8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49A68EA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4.0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81.37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5D7DF53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4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84.52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4EAAFE8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5.02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83.7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079CB75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735276A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7, </w:t>
            </w:r>
            <w:r w:rsidRPr="66C2D5F6" w:rsidR="66C2D5F6">
              <w:rPr>
                <w:rFonts w:ascii="Segoe UI Symbol" w:hAnsi="Segoe UI Symbol" w:eastAsia="MS Mincho" w:cs="Segoe UI Symbol"/>
                <w:sz w:val="20"/>
                <w:szCs w:val="20"/>
                <w:lang w:val="en-US" w:eastAsia="ja-JP"/>
              </w:rPr>
              <w:t>✝</w:t>
            </w:r>
          </w:p>
        </w:tc>
      </w:tr>
      <w:tr w:rsidR="66C2D5F6" w:rsidTr="66C2D5F6" w14:paraId="1839B4FB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60E85EA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5</w:t>
            </w:r>
          </w:p>
        </w:tc>
        <w:tc>
          <w:tcPr>
            <w:tcW w:w="964" w:type="dxa"/>
            <w:tcMar/>
          </w:tcPr>
          <w:p w:rsidR="66C2D5F6" w:rsidP="66C2D5F6" w:rsidRDefault="66C2D5F6" w14:paraId="1896AEC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73</w:t>
            </w:r>
          </w:p>
        </w:tc>
        <w:tc>
          <w:tcPr>
            <w:tcW w:w="964" w:type="dxa"/>
            <w:tcMar/>
          </w:tcPr>
          <w:p w:rsidR="66C2D5F6" w:rsidP="66C2D5F6" w:rsidRDefault="66C2D5F6" w14:paraId="70000B4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3EAEA03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29D4870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0348992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2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A050EE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3.2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1.2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4E4185A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60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2.1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615DA1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3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4.63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0355538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16A8D13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8, </w:t>
            </w:r>
            <w:r w:rsidRPr="66C2D5F6" w:rsidR="66C2D5F6">
              <w:rPr>
                <w:rFonts w:ascii="Segoe UI Symbol" w:hAnsi="Segoe UI Symbol" w:eastAsia="MS Mincho" w:cs="Segoe UI Symbol"/>
                <w:sz w:val="20"/>
                <w:szCs w:val="20"/>
                <w:lang w:val="en-US" w:eastAsia="ja-JP"/>
              </w:rPr>
              <w:t>✝</w:t>
            </w:r>
          </w:p>
        </w:tc>
      </w:tr>
      <w:tr w:rsidR="66C2D5F6" w:rsidTr="66C2D5F6" w14:paraId="22E47B5C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58923E6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16 </w:t>
            </w:r>
          </w:p>
        </w:tc>
        <w:tc>
          <w:tcPr>
            <w:tcW w:w="964" w:type="dxa"/>
            <w:tcMar/>
          </w:tcPr>
          <w:p w:rsidR="66C2D5F6" w:rsidP="66C2D5F6" w:rsidRDefault="66C2D5F6" w14:paraId="5A23900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1</w:t>
            </w:r>
          </w:p>
        </w:tc>
        <w:tc>
          <w:tcPr>
            <w:tcW w:w="964" w:type="dxa"/>
            <w:tcMar/>
          </w:tcPr>
          <w:p w:rsidR="66C2D5F6" w:rsidP="66C2D5F6" w:rsidRDefault="66C2D5F6" w14:paraId="35ED37C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672A5DC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101AFF5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S, CTx</w:t>
            </w:r>
          </w:p>
        </w:tc>
        <w:tc>
          <w:tcPr>
            <w:tcW w:w="1499" w:type="dxa"/>
            <w:tcMar/>
          </w:tcPr>
          <w:p w:rsidR="66C2D5F6" w:rsidP="66C2D5F6" w:rsidRDefault="66C2D5F6" w14:paraId="5626491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96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19B3216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2.43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4.26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0B29C80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93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.19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7CF710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3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.36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1CCBECF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0C92ADBD" w14:textId="6367D0E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</w:t>
            </w:r>
          </w:p>
        </w:tc>
      </w:tr>
      <w:tr w:rsidR="66C2D5F6" w:rsidTr="66C2D5F6" w14:paraId="5C258521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3CDB992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17 </w:t>
            </w:r>
          </w:p>
        </w:tc>
        <w:tc>
          <w:tcPr>
            <w:tcW w:w="964" w:type="dxa"/>
            <w:tcMar/>
          </w:tcPr>
          <w:p w:rsidR="66C2D5F6" w:rsidP="66C2D5F6" w:rsidRDefault="66C2D5F6" w14:paraId="033903E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7</w:t>
            </w:r>
          </w:p>
        </w:tc>
        <w:tc>
          <w:tcPr>
            <w:tcW w:w="964" w:type="dxa"/>
            <w:tcMar/>
          </w:tcPr>
          <w:p w:rsidR="66C2D5F6" w:rsidP="66C2D5F6" w:rsidRDefault="66C2D5F6" w14:paraId="51F3F04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2E9C4B5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4</w:t>
            </w:r>
          </w:p>
        </w:tc>
        <w:tc>
          <w:tcPr>
            <w:tcW w:w="1587" w:type="dxa"/>
            <w:tcMar/>
          </w:tcPr>
          <w:p w:rsidR="66C2D5F6" w:rsidP="66C2D5F6" w:rsidRDefault="66C2D5F6" w14:paraId="357B6E5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5097A8E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1</w:t>
            </w:r>
          </w:p>
        </w:tc>
        <w:tc>
          <w:tcPr>
            <w:tcW w:w="1559" w:type="dxa"/>
            <w:shd w:val="clear" w:color="auto" w:fill="FBD4B4" w:themeFill="accent6" w:themeFillTint="66"/>
            <w:tcMar/>
          </w:tcPr>
          <w:p w:rsidR="66C2D5F6" w:rsidP="66C2D5F6" w:rsidRDefault="66C2D5F6" w14:paraId="4AAE240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2.0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4.3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60" w:type="dxa"/>
            <w:shd w:val="clear" w:color="auto" w:fill="FBD4B4" w:themeFill="accent6" w:themeFillTint="66"/>
            <w:tcMar/>
          </w:tcPr>
          <w:p w:rsidR="66C2D5F6" w:rsidP="66C2D5F6" w:rsidRDefault="66C2D5F6" w14:paraId="24E0ED8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20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6.76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7E3B20A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6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3.0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312B1EB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5CA391BF" w14:textId="55E2C00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9</w:t>
            </w:r>
          </w:p>
        </w:tc>
      </w:tr>
      <w:tr w:rsidR="66C2D5F6" w:rsidTr="66C2D5F6" w14:paraId="24D6643B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460D282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18 </w:t>
            </w:r>
          </w:p>
        </w:tc>
        <w:tc>
          <w:tcPr>
            <w:tcW w:w="964" w:type="dxa"/>
            <w:tcMar/>
          </w:tcPr>
          <w:p w:rsidR="66C2D5F6" w:rsidP="66C2D5F6" w:rsidRDefault="66C2D5F6" w14:paraId="6810C72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9</w:t>
            </w:r>
          </w:p>
        </w:tc>
        <w:tc>
          <w:tcPr>
            <w:tcW w:w="964" w:type="dxa"/>
            <w:tcMar/>
          </w:tcPr>
          <w:p w:rsidR="66C2D5F6" w:rsidP="66C2D5F6" w:rsidRDefault="66C2D5F6" w14:paraId="1CCF866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17A9275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7B383CA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</w:t>
            </w:r>
          </w:p>
        </w:tc>
        <w:tc>
          <w:tcPr>
            <w:tcW w:w="1499" w:type="dxa"/>
            <w:tcMar/>
          </w:tcPr>
          <w:p w:rsidR="66C2D5F6" w:rsidP="66C2D5F6" w:rsidRDefault="66C2D5F6" w14:paraId="0D95B8A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71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018C49D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 1.1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60" w:type="dxa"/>
            <w:shd w:val="clear" w:color="auto" w:fill="EAF1DD" w:themeFill="accent3" w:themeFillTint="33"/>
            <w:tcMar/>
          </w:tcPr>
          <w:p w:rsidR="66C2D5F6" w:rsidP="66C2D5F6" w:rsidRDefault="66C2D5F6" w14:paraId="609B54E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2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5EDB02B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53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31" w:type="dxa"/>
            <w:shd w:val="clear" w:color="auto" w:fill="EAF1DD" w:themeFill="accent3" w:themeFillTint="33"/>
            <w:tcMar/>
          </w:tcPr>
          <w:p w:rsidR="66C2D5F6" w:rsidP="66C2D5F6" w:rsidRDefault="66C2D5F6" w14:paraId="0FE1DEC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220" w:type="dxa"/>
            <w:tcMar/>
          </w:tcPr>
          <w:p w:rsidR="66C2D5F6" w:rsidP="66C2D5F6" w:rsidRDefault="66C2D5F6" w14:paraId="3EABE79A" w14:textId="50B816C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9</w:t>
            </w:r>
          </w:p>
        </w:tc>
      </w:tr>
      <w:tr w:rsidR="66C2D5F6" w:rsidTr="66C2D5F6" w14:paraId="0955AA28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792885F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19 </w:t>
            </w:r>
          </w:p>
        </w:tc>
        <w:tc>
          <w:tcPr>
            <w:tcW w:w="964" w:type="dxa"/>
            <w:tcMar/>
          </w:tcPr>
          <w:p w:rsidR="66C2D5F6" w:rsidP="66C2D5F6" w:rsidRDefault="66C2D5F6" w14:paraId="041CDAE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6</w:t>
            </w:r>
          </w:p>
        </w:tc>
        <w:tc>
          <w:tcPr>
            <w:tcW w:w="964" w:type="dxa"/>
            <w:tcMar/>
          </w:tcPr>
          <w:p w:rsidR="66C2D5F6" w:rsidP="66C2D5F6" w:rsidRDefault="66C2D5F6" w14:paraId="6B37BDB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03550C2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1A068D8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0CA941B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4</w:t>
            </w:r>
          </w:p>
        </w:tc>
        <w:tc>
          <w:tcPr>
            <w:tcW w:w="1559" w:type="dxa"/>
            <w:shd w:val="clear" w:color="auto" w:fill="FBD4B4" w:themeFill="accent6" w:themeFillTint="66"/>
            <w:tcMar/>
          </w:tcPr>
          <w:p w:rsidR="66C2D5F6" w:rsidP="66C2D5F6" w:rsidRDefault="66C2D5F6" w14:paraId="5B30BA2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30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3.2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1E915BB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8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.03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7DE511C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7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0.1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6B7591F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728B34E7" w14:textId="0BBD0E5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8</w:t>
            </w:r>
          </w:p>
        </w:tc>
      </w:tr>
      <w:tr w:rsidR="66C2D5F6" w:rsidTr="66C2D5F6" w14:paraId="2EAF6F91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58256C1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0 </w:t>
            </w:r>
          </w:p>
        </w:tc>
        <w:tc>
          <w:tcPr>
            <w:tcW w:w="964" w:type="dxa"/>
            <w:tcMar/>
          </w:tcPr>
          <w:p w:rsidR="66C2D5F6" w:rsidP="66C2D5F6" w:rsidRDefault="66C2D5F6" w14:paraId="418DB0A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0</w:t>
            </w:r>
          </w:p>
        </w:tc>
        <w:tc>
          <w:tcPr>
            <w:tcW w:w="964" w:type="dxa"/>
            <w:tcMar/>
          </w:tcPr>
          <w:p w:rsidR="66C2D5F6" w:rsidP="66C2D5F6" w:rsidRDefault="66C2D5F6" w14:paraId="4DFDCEF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44645C6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GBM, grade 4</w:t>
            </w:r>
          </w:p>
        </w:tc>
        <w:tc>
          <w:tcPr>
            <w:tcW w:w="1587" w:type="dxa"/>
            <w:tcMar/>
          </w:tcPr>
          <w:p w:rsidR="66C2D5F6" w:rsidP="66C2D5F6" w:rsidRDefault="66C2D5F6" w14:paraId="4BF7CE0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, RTx</w:t>
            </w:r>
          </w:p>
        </w:tc>
        <w:tc>
          <w:tcPr>
            <w:tcW w:w="1499" w:type="dxa"/>
            <w:tcMar/>
          </w:tcPr>
          <w:p w:rsidR="66C2D5F6" w:rsidP="66C2D5F6" w:rsidRDefault="66C2D5F6" w14:paraId="4CD325E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6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368FF1A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3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5.08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2217F44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83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4.1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2D39900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4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3.9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3076F01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73A5BB2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4, </w:t>
            </w:r>
            <w:r w:rsidRPr="66C2D5F6" w:rsidR="66C2D5F6">
              <w:rPr>
                <w:rFonts w:ascii="Segoe UI Symbol" w:hAnsi="Segoe UI Symbol" w:eastAsia="MS Mincho" w:cs="Segoe UI Symbol"/>
                <w:sz w:val="20"/>
                <w:szCs w:val="20"/>
                <w:lang w:val="en-US" w:eastAsia="ja-JP"/>
              </w:rPr>
              <w:t>✝</w:t>
            </w:r>
          </w:p>
        </w:tc>
      </w:tr>
      <w:tr w:rsidR="66C2D5F6" w:rsidTr="66C2D5F6" w14:paraId="4E131C9D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28C5F1A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1 </w:t>
            </w:r>
          </w:p>
        </w:tc>
        <w:tc>
          <w:tcPr>
            <w:tcW w:w="964" w:type="dxa"/>
            <w:tcMar/>
          </w:tcPr>
          <w:p w:rsidR="66C2D5F6" w:rsidP="66C2D5F6" w:rsidRDefault="66C2D5F6" w14:paraId="363E2F7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3</w:t>
            </w:r>
          </w:p>
        </w:tc>
        <w:tc>
          <w:tcPr>
            <w:tcW w:w="964" w:type="dxa"/>
            <w:tcMar/>
          </w:tcPr>
          <w:p w:rsidR="66C2D5F6" w:rsidP="66C2D5F6" w:rsidRDefault="66C2D5F6" w14:paraId="7C49749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7D5093A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3C00726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65B28DC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2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16E6A18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38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.07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2F953CE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2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.8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12C4805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TBRmax: 3.98 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.8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054EB77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37E97CAF" w14:textId="3412E4D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7</w:t>
            </w:r>
          </w:p>
        </w:tc>
      </w:tr>
      <w:tr w:rsidR="66C2D5F6" w:rsidTr="66C2D5F6" w14:paraId="54366DB5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62B8F54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2 </w:t>
            </w:r>
          </w:p>
        </w:tc>
        <w:tc>
          <w:tcPr>
            <w:tcW w:w="964" w:type="dxa"/>
            <w:tcMar/>
          </w:tcPr>
          <w:p w:rsidR="66C2D5F6" w:rsidP="66C2D5F6" w:rsidRDefault="66C2D5F6" w14:paraId="449B343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7</w:t>
            </w:r>
          </w:p>
        </w:tc>
        <w:tc>
          <w:tcPr>
            <w:tcW w:w="964" w:type="dxa"/>
            <w:tcMar/>
          </w:tcPr>
          <w:p w:rsidR="66C2D5F6" w:rsidP="66C2D5F6" w:rsidRDefault="66C2D5F6" w14:paraId="6B6EDCD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6CEF4DA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3EEB7C6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2C17D39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8</w:t>
            </w:r>
          </w:p>
        </w:tc>
        <w:tc>
          <w:tcPr>
            <w:tcW w:w="1559" w:type="dxa"/>
            <w:shd w:val="clear" w:color="auto" w:fill="FBD4B4" w:themeFill="accent6" w:themeFillTint="66"/>
            <w:tcMar/>
          </w:tcPr>
          <w:p w:rsidR="66C2D5F6" w:rsidP="66C2D5F6" w:rsidRDefault="66C2D5F6" w14:paraId="473B42D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22 BTV: 40.55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60" w:type="dxa"/>
            <w:shd w:val="clear" w:color="auto" w:fill="FBD4B4" w:themeFill="accent6" w:themeFillTint="66"/>
            <w:tcMar/>
          </w:tcPr>
          <w:p w:rsidR="66C2D5F6" w:rsidP="66C2D5F6" w:rsidRDefault="66C2D5F6" w14:paraId="6FD13F5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1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43.08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FA2936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23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49.4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6A02B66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55D44B27" w14:textId="1956A0F3">
            <w:pPr>
              <w:spacing w:after="180" w:line="240" w:lineRule="auto"/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4</w:t>
            </w:r>
          </w:p>
        </w:tc>
      </w:tr>
      <w:tr w:rsidR="66C2D5F6" w:rsidTr="66C2D5F6" w14:paraId="73CFB7B9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00D5CDE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3 </w:t>
            </w:r>
          </w:p>
        </w:tc>
        <w:tc>
          <w:tcPr>
            <w:tcW w:w="964" w:type="dxa"/>
            <w:tcMar/>
          </w:tcPr>
          <w:p w:rsidR="66C2D5F6" w:rsidP="66C2D5F6" w:rsidRDefault="66C2D5F6" w14:paraId="7032E4E6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2</w:t>
            </w:r>
          </w:p>
        </w:tc>
        <w:tc>
          <w:tcPr>
            <w:tcW w:w="964" w:type="dxa"/>
            <w:tcMar/>
          </w:tcPr>
          <w:p w:rsidR="66C2D5F6" w:rsidP="66C2D5F6" w:rsidRDefault="66C2D5F6" w14:paraId="24F146B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5F0CA98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1BEF41D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03EEEA2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87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16F2161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2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20.25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2D28058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93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05.2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6BFD28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6.88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95.86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42C5C6F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5B2FA466" w14:textId="6B7C919D">
            <w:pPr>
              <w:spacing w:after="180" w:line="240" w:lineRule="auto"/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3</w:t>
            </w:r>
          </w:p>
        </w:tc>
      </w:tr>
      <w:tr w:rsidR="66C2D5F6" w:rsidTr="66C2D5F6" w14:paraId="1F8B1825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242FB2A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4 </w:t>
            </w:r>
          </w:p>
        </w:tc>
        <w:tc>
          <w:tcPr>
            <w:tcW w:w="964" w:type="dxa"/>
            <w:tcMar/>
          </w:tcPr>
          <w:p w:rsidR="66C2D5F6" w:rsidP="66C2D5F6" w:rsidRDefault="66C2D5F6" w14:paraId="0981F51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1</w:t>
            </w:r>
          </w:p>
        </w:tc>
        <w:tc>
          <w:tcPr>
            <w:tcW w:w="964" w:type="dxa"/>
            <w:tcMar/>
          </w:tcPr>
          <w:p w:rsidR="66C2D5F6" w:rsidP="66C2D5F6" w:rsidRDefault="66C2D5F6" w14:paraId="31C2376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094F6FF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62D2E3B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228BD1E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9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A99834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9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6.25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5CAFC4D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2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7.3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FCC70E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6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8.05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1207132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3FF23296" w14:textId="50C7A38D">
            <w:pPr>
              <w:spacing w:after="180" w:line="240" w:lineRule="auto"/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20</w:t>
            </w:r>
          </w:p>
        </w:tc>
      </w:tr>
      <w:tr w:rsidR="66C2D5F6" w:rsidTr="66C2D5F6" w14:paraId="77D84A4B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4C387AA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5 </w:t>
            </w:r>
          </w:p>
        </w:tc>
        <w:tc>
          <w:tcPr>
            <w:tcW w:w="964" w:type="dxa"/>
            <w:tcMar/>
          </w:tcPr>
          <w:p w:rsidR="66C2D5F6" w:rsidP="66C2D5F6" w:rsidRDefault="66C2D5F6" w14:paraId="58FB9EB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4</w:t>
            </w:r>
          </w:p>
        </w:tc>
        <w:tc>
          <w:tcPr>
            <w:tcW w:w="964" w:type="dxa"/>
            <w:tcMar/>
          </w:tcPr>
          <w:p w:rsidR="66C2D5F6" w:rsidP="66C2D5F6" w:rsidRDefault="66C2D5F6" w14:paraId="7F9D5AE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1388B41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29653BB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5A8641E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78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7177F12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2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.72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0819313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0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.8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7351F7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5.1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5.0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39C0DBD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1AEE3B93" w14:textId="5B6590F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9</w:t>
            </w:r>
          </w:p>
        </w:tc>
      </w:tr>
      <w:tr w:rsidR="66C2D5F6" w:rsidTr="66C2D5F6" w14:paraId="41A97EDC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32AECCB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6 </w:t>
            </w:r>
          </w:p>
        </w:tc>
        <w:tc>
          <w:tcPr>
            <w:tcW w:w="964" w:type="dxa"/>
            <w:tcMar/>
          </w:tcPr>
          <w:p w:rsidR="66C2D5F6" w:rsidP="66C2D5F6" w:rsidRDefault="66C2D5F6" w14:paraId="7D7DAA5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1</w:t>
            </w:r>
          </w:p>
        </w:tc>
        <w:tc>
          <w:tcPr>
            <w:tcW w:w="964" w:type="dxa"/>
            <w:tcMar/>
          </w:tcPr>
          <w:p w:rsidR="66C2D5F6" w:rsidP="66C2D5F6" w:rsidRDefault="66C2D5F6" w14:paraId="743D454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5454D90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02C54B7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3E61C1C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1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47C8F7E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42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9.87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001B23F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28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9.62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B445FA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5.4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8.63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14EB3C7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522CDEE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2</w:t>
            </w:r>
          </w:p>
        </w:tc>
      </w:tr>
      <w:tr w:rsidR="66C2D5F6" w:rsidTr="66C2D5F6" w14:paraId="49022184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3D624B5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7 </w:t>
            </w:r>
          </w:p>
        </w:tc>
        <w:tc>
          <w:tcPr>
            <w:tcW w:w="964" w:type="dxa"/>
            <w:tcMar/>
          </w:tcPr>
          <w:p w:rsidR="66C2D5F6" w:rsidP="66C2D5F6" w:rsidRDefault="66C2D5F6" w14:paraId="4911E88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0</w:t>
            </w:r>
          </w:p>
        </w:tc>
        <w:tc>
          <w:tcPr>
            <w:tcW w:w="964" w:type="dxa"/>
            <w:tcMar/>
          </w:tcPr>
          <w:p w:rsidR="66C2D5F6" w:rsidP="66C2D5F6" w:rsidRDefault="66C2D5F6" w14:paraId="4757D7E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4AE5F0A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74F20F1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1420EB6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7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6E4A0AC6">
            <w:pPr>
              <w:tabs>
                <w:tab w:val="left" w:leader="none" w:pos="1350"/>
              </w:tabs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2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60" w:type="dxa"/>
            <w:shd w:val="clear" w:color="auto" w:fill="EAF1DD" w:themeFill="accent3" w:themeFillTint="33"/>
            <w:tcMar/>
          </w:tcPr>
          <w:p w:rsidR="66C2D5F6" w:rsidP="66C2D5F6" w:rsidRDefault="66C2D5F6" w14:paraId="66E6C10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4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2B37D13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5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31" w:type="dxa"/>
            <w:shd w:val="clear" w:color="auto" w:fill="EAF1DD" w:themeFill="accent3" w:themeFillTint="33"/>
            <w:tcMar/>
          </w:tcPr>
          <w:p w:rsidR="66C2D5F6" w:rsidP="66C2D5F6" w:rsidRDefault="66C2D5F6" w14:paraId="2A6223C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220" w:type="dxa"/>
            <w:tcMar/>
          </w:tcPr>
          <w:p w:rsidR="66C2D5F6" w:rsidP="66C2D5F6" w:rsidRDefault="66C2D5F6" w14:paraId="389039EB" w14:textId="57A833E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6</w:t>
            </w:r>
          </w:p>
        </w:tc>
      </w:tr>
      <w:tr w:rsidR="66C2D5F6" w:rsidTr="66C2D5F6" w14:paraId="528EAFC2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38F5C0E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8 </w:t>
            </w:r>
          </w:p>
        </w:tc>
        <w:tc>
          <w:tcPr>
            <w:tcW w:w="964" w:type="dxa"/>
            <w:tcMar/>
          </w:tcPr>
          <w:p w:rsidR="66C2D5F6" w:rsidP="66C2D5F6" w:rsidRDefault="66C2D5F6" w14:paraId="35399C6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4</w:t>
            </w:r>
          </w:p>
        </w:tc>
        <w:tc>
          <w:tcPr>
            <w:tcW w:w="964" w:type="dxa"/>
            <w:tcMar/>
          </w:tcPr>
          <w:p w:rsidR="66C2D5F6" w:rsidP="66C2D5F6" w:rsidRDefault="66C2D5F6" w14:paraId="27F8C085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F</w:t>
            </w:r>
          </w:p>
        </w:tc>
        <w:tc>
          <w:tcPr>
            <w:tcW w:w="1587" w:type="dxa"/>
            <w:tcMar/>
          </w:tcPr>
          <w:p w:rsidR="66C2D5F6" w:rsidP="66C2D5F6" w:rsidRDefault="66C2D5F6" w14:paraId="08C4964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7B6B671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5EA4F1E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96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75D5194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22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60" w:type="dxa"/>
            <w:shd w:val="clear" w:color="auto" w:fill="EAF1DD" w:themeFill="accent3" w:themeFillTint="33"/>
            <w:tcMar/>
          </w:tcPr>
          <w:p w:rsidR="66C2D5F6" w:rsidP="66C2D5F6" w:rsidRDefault="66C2D5F6" w14:paraId="066AB5C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3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5CB5CD5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6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31" w:type="dxa"/>
            <w:shd w:val="clear" w:color="auto" w:fill="EAF1DD" w:themeFill="accent3" w:themeFillTint="33"/>
            <w:tcMar/>
          </w:tcPr>
          <w:p w:rsidR="66C2D5F6" w:rsidP="66C2D5F6" w:rsidRDefault="66C2D5F6" w14:paraId="4F00006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220" w:type="dxa"/>
            <w:tcMar/>
          </w:tcPr>
          <w:p w:rsidR="66C2D5F6" w:rsidP="66C2D5F6" w:rsidRDefault="66C2D5F6" w14:paraId="41A73A7D" w14:textId="6B9F0DF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6</w:t>
            </w:r>
          </w:p>
        </w:tc>
      </w:tr>
      <w:tr w:rsidR="66C2D5F6" w:rsidTr="66C2D5F6" w14:paraId="039F6FC8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68933E4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29 </w:t>
            </w:r>
          </w:p>
        </w:tc>
        <w:tc>
          <w:tcPr>
            <w:tcW w:w="964" w:type="dxa"/>
            <w:tcMar/>
          </w:tcPr>
          <w:p w:rsidR="66C2D5F6" w:rsidP="66C2D5F6" w:rsidRDefault="66C2D5F6" w14:paraId="6C7BC0D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5</w:t>
            </w:r>
          </w:p>
        </w:tc>
        <w:tc>
          <w:tcPr>
            <w:tcW w:w="964" w:type="dxa"/>
            <w:tcMar/>
          </w:tcPr>
          <w:p w:rsidR="66C2D5F6" w:rsidP="66C2D5F6" w:rsidRDefault="66C2D5F6" w14:paraId="589D22F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484E654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2</w:t>
            </w:r>
          </w:p>
        </w:tc>
        <w:tc>
          <w:tcPr>
            <w:tcW w:w="1587" w:type="dxa"/>
            <w:tcMar/>
          </w:tcPr>
          <w:p w:rsidR="66C2D5F6" w:rsidP="66C2D5F6" w:rsidRDefault="66C2D5F6" w14:paraId="3CA0CA9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1E03F27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85</w:t>
            </w:r>
          </w:p>
        </w:tc>
        <w:tc>
          <w:tcPr>
            <w:tcW w:w="1559" w:type="dxa"/>
            <w:shd w:val="clear" w:color="auto" w:fill="FBD4B4" w:themeFill="accent6" w:themeFillTint="66"/>
            <w:tcMar/>
          </w:tcPr>
          <w:p w:rsidR="66C2D5F6" w:rsidP="66C2D5F6" w:rsidRDefault="66C2D5F6" w14:paraId="50C4221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1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9.53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6DDFE74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4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0.32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2D69B48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95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1.63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3A048428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129770BE" w14:textId="34FECB2B">
            <w:pPr>
              <w:spacing w:after="180" w:line="240" w:lineRule="auto"/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4</w:t>
            </w:r>
          </w:p>
        </w:tc>
      </w:tr>
      <w:tr w:rsidR="66C2D5F6" w:rsidTr="66C2D5F6" w14:paraId="057A0858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61B4235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0</w:t>
            </w:r>
          </w:p>
        </w:tc>
        <w:tc>
          <w:tcPr>
            <w:tcW w:w="964" w:type="dxa"/>
            <w:tcMar/>
          </w:tcPr>
          <w:p w:rsidR="66C2D5F6" w:rsidP="66C2D5F6" w:rsidRDefault="66C2D5F6" w14:paraId="7C8E7CB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54</w:t>
            </w:r>
          </w:p>
        </w:tc>
        <w:tc>
          <w:tcPr>
            <w:tcW w:w="964" w:type="dxa"/>
            <w:tcMar/>
          </w:tcPr>
          <w:p w:rsidR="66C2D5F6" w:rsidP="66C2D5F6" w:rsidRDefault="66C2D5F6" w14:paraId="5169E0A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5E206C6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4</w:t>
            </w:r>
          </w:p>
        </w:tc>
        <w:tc>
          <w:tcPr>
            <w:tcW w:w="1587" w:type="dxa"/>
            <w:tcMar/>
          </w:tcPr>
          <w:p w:rsidR="66C2D5F6" w:rsidP="66C2D5F6" w:rsidRDefault="66C2D5F6" w14:paraId="50DE0D5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, RTx</w:t>
            </w:r>
          </w:p>
        </w:tc>
        <w:tc>
          <w:tcPr>
            <w:tcW w:w="1499" w:type="dxa"/>
            <w:tcMar/>
          </w:tcPr>
          <w:p w:rsidR="66C2D5F6" w:rsidP="66C2D5F6" w:rsidRDefault="66C2D5F6" w14:paraId="5BD5042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6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2887A4E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5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60" w:type="dxa"/>
            <w:shd w:val="clear" w:color="auto" w:fill="FBD4B4" w:themeFill="accent6" w:themeFillTint="66"/>
            <w:tcMar/>
          </w:tcPr>
          <w:p w:rsidR="66C2D5F6" w:rsidP="66C2D5F6" w:rsidRDefault="66C2D5F6" w14:paraId="0FF1CA3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0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3.07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23660A8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60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6.0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7E5EFF2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04DB24FB" w14:textId="1E7C8763">
            <w:pPr>
              <w:spacing w:after="180" w:line="240" w:lineRule="auto"/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4</w:t>
            </w:r>
          </w:p>
        </w:tc>
      </w:tr>
      <w:tr w:rsidR="66C2D5F6" w:rsidTr="66C2D5F6" w14:paraId="6F809A74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7F95712E" w14:textId="6650CDAE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31 </w:t>
            </w:r>
          </w:p>
        </w:tc>
        <w:tc>
          <w:tcPr>
            <w:tcW w:w="964" w:type="dxa"/>
            <w:tcMar/>
          </w:tcPr>
          <w:p w:rsidR="66C2D5F6" w:rsidP="66C2D5F6" w:rsidRDefault="66C2D5F6" w14:paraId="7516010A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74</w:t>
            </w:r>
          </w:p>
        </w:tc>
        <w:tc>
          <w:tcPr>
            <w:tcW w:w="964" w:type="dxa"/>
            <w:tcMar/>
          </w:tcPr>
          <w:p w:rsidR="66C2D5F6" w:rsidP="66C2D5F6" w:rsidRDefault="66C2D5F6" w14:paraId="4732F32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5CEAB18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A, grade 4</w:t>
            </w:r>
          </w:p>
        </w:tc>
        <w:tc>
          <w:tcPr>
            <w:tcW w:w="1587" w:type="dxa"/>
            <w:tcMar/>
          </w:tcPr>
          <w:p w:rsidR="66C2D5F6" w:rsidP="66C2D5F6" w:rsidRDefault="66C2D5F6" w14:paraId="3449904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2E0C880F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64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016B7FC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2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7.7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0254A4D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7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6.3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3192AEF3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69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25.16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2239ECF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71CE1234" w14:textId="1F3E72FA">
            <w:pPr>
              <w:spacing w:after="180" w:line="240" w:lineRule="auto"/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3</w:t>
            </w:r>
          </w:p>
        </w:tc>
      </w:tr>
      <w:tr w:rsidR="66C2D5F6" w:rsidTr="66C2D5F6" w14:paraId="39168DC4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6812218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2</w:t>
            </w:r>
          </w:p>
        </w:tc>
        <w:tc>
          <w:tcPr>
            <w:tcW w:w="964" w:type="dxa"/>
            <w:tcMar/>
          </w:tcPr>
          <w:p w:rsidR="66C2D5F6" w:rsidP="66C2D5F6" w:rsidRDefault="66C2D5F6" w14:paraId="33460D0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66</w:t>
            </w:r>
          </w:p>
        </w:tc>
        <w:tc>
          <w:tcPr>
            <w:tcW w:w="964" w:type="dxa"/>
            <w:tcMar/>
          </w:tcPr>
          <w:p w:rsidR="66C2D5F6" w:rsidP="66C2D5F6" w:rsidRDefault="66C2D5F6" w14:paraId="2F6BE0A7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3DC4570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GBM, grade 4</w:t>
            </w:r>
          </w:p>
        </w:tc>
        <w:tc>
          <w:tcPr>
            <w:tcW w:w="1587" w:type="dxa"/>
            <w:tcMar/>
          </w:tcPr>
          <w:p w:rsidR="66C2D5F6" w:rsidP="66C2D5F6" w:rsidRDefault="66C2D5F6" w14:paraId="01FAD1D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52ED2B2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23766D1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96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4.89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60" w:type="dxa"/>
            <w:shd w:val="clear" w:color="auto" w:fill="F2DBDB" w:themeFill="accent2" w:themeFillTint="33"/>
            <w:tcMar/>
          </w:tcPr>
          <w:p w:rsidR="66C2D5F6" w:rsidP="66C2D5F6" w:rsidRDefault="66C2D5F6" w14:paraId="25B8A18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3.3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4.00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C01874D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4.21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13. 26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139FC6D8" w14:textId="7BBAA8B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 xml:space="preserve"> + TRC</w:t>
            </w:r>
          </w:p>
        </w:tc>
        <w:tc>
          <w:tcPr>
            <w:tcW w:w="1220" w:type="dxa"/>
            <w:tcMar/>
          </w:tcPr>
          <w:p w:rsidR="66C2D5F6" w:rsidP="66C2D5F6" w:rsidRDefault="66C2D5F6" w14:paraId="39E3F7CE" w14:textId="3CED8CF3">
            <w:pPr>
              <w:spacing w:after="180" w:line="240" w:lineRule="auto"/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1</w:t>
            </w:r>
          </w:p>
        </w:tc>
      </w:tr>
      <w:tr w:rsidR="66C2D5F6" w:rsidTr="66C2D5F6" w14:paraId="087C4AA6">
        <w:trPr>
          <w:trHeight w:val="585"/>
        </w:trPr>
        <w:tc>
          <w:tcPr>
            <w:tcW w:w="907" w:type="dxa"/>
            <w:tcMar/>
          </w:tcPr>
          <w:p w:rsidR="66C2D5F6" w:rsidP="66C2D5F6" w:rsidRDefault="66C2D5F6" w14:paraId="40BB41B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3</w:t>
            </w:r>
          </w:p>
        </w:tc>
        <w:tc>
          <w:tcPr>
            <w:tcW w:w="964" w:type="dxa"/>
            <w:tcMar/>
          </w:tcPr>
          <w:p w:rsidR="66C2D5F6" w:rsidP="66C2D5F6" w:rsidRDefault="66C2D5F6" w14:paraId="0E0C58A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43</w:t>
            </w:r>
          </w:p>
        </w:tc>
        <w:tc>
          <w:tcPr>
            <w:tcW w:w="964" w:type="dxa"/>
            <w:tcMar/>
          </w:tcPr>
          <w:p w:rsidR="66C2D5F6" w:rsidP="66C2D5F6" w:rsidRDefault="66C2D5F6" w14:paraId="71FA844B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M</w:t>
            </w:r>
          </w:p>
        </w:tc>
        <w:tc>
          <w:tcPr>
            <w:tcW w:w="1587" w:type="dxa"/>
            <w:tcMar/>
          </w:tcPr>
          <w:p w:rsidR="66C2D5F6" w:rsidP="66C2D5F6" w:rsidRDefault="66C2D5F6" w14:paraId="2849F8C1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OD, grade 3</w:t>
            </w:r>
          </w:p>
        </w:tc>
        <w:tc>
          <w:tcPr>
            <w:tcW w:w="1587" w:type="dxa"/>
            <w:tcMar/>
          </w:tcPr>
          <w:p w:rsidR="66C2D5F6" w:rsidP="66C2D5F6" w:rsidRDefault="66C2D5F6" w14:paraId="5D33F2DC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S, RTx, CTx</w:t>
            </w:r>
          </w:p>
        </w:tc>
        <w:tc>
          <w:tcPr>
            <w:tcW w:w="1499" w:type="dxa"/>
            <w:tcMar/>
          </w:tcPr>
          <w:p w:rsidR="66C2D5F6" w:rsidP="66C2D5F6" w:rsidRDefault="66C2D5F6" w14:paraId="5DDAB6C2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32</w:t>
            </w:r>
          </w:p>
        </w:tc>
        <w:tc>
          <w:tcPr>
            <w:tcW w:w="1559" w:type="dxa"/>
            <w:shd w:val="clear" w:color="auto" w:fill="EAF1DD" w:themeFill="accent3" w:themeFillTint="33"/>
            <w:tcMar/>
          </w:tcPr>
          <w:p w:rsidR="66C2D5F6" w:rsidP="66C2D5F6" w:rsidRDefault="66C2D5F6" w14:paraId="30EA9C80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1.64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.01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RC</w:t>
            </w:r>
          </w:p>
        </w:tc>
        <w:tc>
          <w:tcPr>
            <w:tcW w:w="1560" w:type="dxa"/>
            <w:shd w:val="clear" w:color="auto" w:fill="FBD4B4" w:themeFill="accent6" w:themeFillTint="66"/>
            <w:tcMar/>
          </w:tcPr>
          <w:p w:rsidR="66C2D5F6" w:rsidP="66C2D5F6" w:rsidRDefault="66C2D5F6" w14:paraId="6B4E375B">
            <w:pPr>
              <w:tabs>
                <w:tab w:val="left" w:leader="none" w:pos="795"/>
              </w:tabs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08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.39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orderline</w:t>
            </w:r>
            <w:r>
              <w:tab/>
            </w:r>
          </w:p>
        </w:tc>
        <w:tc>
          <w:tcPr>
            <w:tcW w:w="1559" w:type="dxa"/>
            <w:shd w:val="clear" w:color="auto" w:fill="F2DBDB" w:themeFill="accent2" w:themeFillTint="33"/>
            <w:tcMar/>
          </w:tcPr>
          <w:p w:rsidR="66C2D5F6" w:rsidP="66C2D5F6" w:rsidRDefault="66C2D5F6" w14:paraId="69EE0F84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TBRmax: 2.72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BTV: 0.64 mL</w:t>
            </w:r>
            <w:r>
              <w:br/>
            </w: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531" w:type="dxa"/>
            <w:shd w:val="clear" w:color="auto" w:fill="F2DBDB" w:themeFill="accent2" w:themeFillTint="33"/>
            <w:tcMar/>
          </w:tcPr>
          <w:p w:rsidR="66C2D5F6" w:rsidP="66C2D5F6" w:rsidRDefault="66C2D5F6" w14:paraId="213BB069">
            <w:pPr>
              <w:spacing w:after="180" w:line="240" w:lineRule="auto"/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PD</w:t>
            </w:r>
          </w:p>
        </w:tc>
        <w:tc>
          <w:tcPr>
            <w:tcW w:w="1220" w:type="dxa"/>
            <w:tcMar/>
          </w:tcPr>
          <w:p w:rsidR="66C2D5F6" w:rsidP="66C2D5F6" w:rsidRDefault="66C2D5F6" w14:paraId="0C41150B" w14:textId="4A96553C">
            <w:pPr>
              <w:spacing w:after="180" w:line="240" w:lineRule="auto"/>
            </w:pPr>
            <w:r w:rsidRPr="66C2D5F6" w:rsidR="66C2D5F6">
              <w:rPr>
                <w:rFonts w:ascii="Times New Roman" w:hAnsi="Times New Roman" w:eastAsia="MS Mincho" w:cs="Arial"/>
                <w:sz w:val="20"/>
                <w:szCs w:val="20"/>
                <w:lang w:val="en-US" w:eastAsia="ja-JP"/>
              </w:rPr>
              <w:t>10</w:t>
            </w:r>
          </w:p>
        </w:tc>
      </w:tr>
    </w:tbl>
    <w:p w:rsidR="0092004A" w:rsidP="66C2D5F6" w:rsidRDefault="0092004A" w14:paraId="739DE523" w14:textId="06565C60">
      <w:pPr>
        <w:pStyle w:val="Normal"/>
        <w:spacing w:after="180" w:line="240" w:lineRule="auto"/>
      </w:pPr>
      <w:r w:rsidRPr="66C2D5F6" w:rsidR="057807A5">
        <w:rPr>
          <w:rFonts w:ascii="Times New Roman" w:hAnsi="Times New Roman" w:eastAsia="Times New Roman" w:cs="Times New Roman"/>
          <w:noProof w:val="0"/>
          <w:sz w:val="20"/>
          <w:szCs w:val="20"/>
          <w:lang w:val="en-US"/>
        </w:rPr>
        <w:t>Color-coded lesion classification: green indicates treatment-related changes, orange indicates borderline findings on [¹⁸F]FET PET, and red indicates progressive disease.</w:t>
      </w:r>
    </w:p>
    <w:p w:rsidR="0092004A" w:rsidP="66C2D5F6" w:rsidRDefault="0092004A" w14:paraId="0403E95D" w14:textId="312BF079">
      <w:pPr>
        <w:pStyle w:val="Normal"/>
        <w:spacing w:after="180" w:line="240" w:lineRule="auto"/>
        <w:rPr>
          <w:rFonts w:ascii="Times New Roman" w:hAnsi="Times New Roman" w:eastAsia="Times New Roman" w:cs="Times New Roman"/>
          <w:noProof w:val="0"/>
          <w:sz w:val="20"/>
          <w:szCs w:val="20"/>
          <w:lang w:val="en-US"/>
        </w:rPr>
      </w:pPr>
      <w:r w:rsidRPr="66C2D5F6" w:rsidR="057807A5">
        <w:rPr>
          <w:rFonts w:ascii="Times New Roman" w:hAnsi="Times New Roman" w:eastAsia="Times New Roman" w:cs="Times New Roman"/>
          <w:noProof w:val="0"/>
          <w:sz w:val="20"/>
          <w:szCs w:val="20"/>
          <w:lang w:val="en-US"/>
        </w:rPr>
        <w:t>F = female; M = male; OD = oligodendroglioma; A = astrocytoma; GBM = glioblastoma; S = surgery; RTx = radiotherapy; CTx = chemotherapy</w:t>
      </w:r>
      <w:r w:rsidRPr="66C2D5F6" w:rsidR="057807A5">
        <w:rPr>
          <w:rFonts w:ascii="Times New Roman" w:hAnsi="Times New Roman" w:eastAsia="Times New Roman" w:cs="Times New Roman"/>
          <w:noProof w:val="0"/>
          <w:sz w:val="20"/>
          <w:szCs w:val="20"/>
          <w:lang w:val="en-US"/>
        </w:rPr>
        <w:t xml:space="preserve">. </w:t>
      </w:r>
    </w:p>
    <w:p w:rsidR="0092004A" w:rsidP="66C2D5F6" w:rsidRDefault="0092004A" w14:paraId="751BB35C" w14:textId="66BD42C7">
      <w:pPr>
        <w:spacing w:after="180" w:line="240" w:lineRule="auto"/>
      </w:pPr>
      <w:r w:rsidRPr="66C2D5F6" w:rsidR="057807A5">
        <w:rPr>
          <w:rFonts w:ascii="Times New Roman" w:hAnsi="Times New Roman" w:eastAsia="MS Mincho" w:cs="Arial"/>
          <w:sz w:val="20"/>
          <w:szCs w:val="20"/>
          <w:lang w:val="en-US" w:eastAsia="ja-JP"/>
        </w:rPr>
        <w:t xml:space="preserve">* </w:t>
      </w:r>
      <w:r w:rsidRPr="66C2D5F6" w:rsidR="057807A5">
        <w:rPr>
          <w:rFonts w:ascii="Times New Roman" w:hAnsi="Times New Roman" w:eastAsia="MS Mincho" w:cs="Arial"/>
          <w:sz w:val="20"/>
          <w:szCs w:val="20"/>
          <w:lang w:val="en-US" w:eastAsia="ja-JP"/>
        </w:rPr>
        <w:t>Started therapy per patient explicit wishes</w:t>
      </w:r>
      <w:r>
        <w:br/>
      </w:r>
      <w:r w:rsidRPr="66C2D5F6" w:rsidR="057807A5">
        <w:rPr>
          <w:rFonts w:ascii="Times New Roman" w:hAnsi="Times New Roman" w:eastAsia="MS Mincho" w:cs="Arial"/>
          <w:sz w:val="20"/>
          <w:szCs w:val="20"/>
          <w:lang w:val="en-US" w:eastAsia="ja-JP"/>
        </w:rPr>
        <w:t>+ Histopathological confirmation</w:t>
      </w:r>
      <w:r>
        <w:br/>
      </w:r>
      <w:r w:rsidRPr="66C2D5F6" w:rsidR="057807A5">
        <w:rPr>
          <w:rFonts w:ascii="Segoe UI Symbol" w:hAnsi="Segoe UI Symbol" w:eastAsia="MS Mincho" w:cs="Segoe UI Symbol"/>
          <w:sz w:val="20"/>
          <w:szCs w:val="20"/>
          <w:lang w:val="en-US" w:eastAsia="ja-JP"/>
        </w:rPr>
        <w:t>✝</w:t>
      </w:r>
      <w:r w:rsidRPr="66C2D5F6" w:rsidR="057807A5">
        <w:rPr>
          <w:rFonts w:ascii="Times New Roman" w:hAnsi="Times New Roman" w:eastAsia="MS Mincho"/>
          <w:sz w:val="20"/>
          <w:szCs w:val="20"/>
          <w:lang w:val="en-US" w:eastAsia="ja-JP"/>
        </w:rPr>
        <w:t xml:space="preserve"> Deceased</w:t>
      </w:r>
    </w:p>
    <w:p w:rsidR="0092004A" w:rsidP="66C2D5F6" w:rsidRDefault="0092004A" w14:paraId="234E0A08" w14:textId="233F127B">
      <w:pPr>
        <w:spacing w:after="180" w:line="240" w:lineRule="auto"/>
        <w:rPr>
          <w:rFonts w:ascii="Times New Roman" w:hAnsi="Times New Roman" w:eastAsia="MS Mincho"/>
          <w:sz w:val="20"/>
          <w:szCs w:val="20"/>
          <w:lang w:val="en-US" w:eastAsia="ja-JP"/>
        </w:rPr>
      </w:pPr>
    </w:p>
    <w:p w:rsidR="0092004A" w:rsidP="66C2D5F6" w:rsidRDefault="0092004A" w14:paraId="5BCB84FC" w14:textId="516555A7">
      <w:pPr>
        <w:spacing w:after="180" w:line="240" w:lineRule="auto"/>
        <w:rPr>
          <w:rFonts w:ascii="Times New Roman" w:hAnsi="Times New Roman" w:eastAsia="MS Mincho"/>
          <w:sz w:val="20"/>
          <w:szCs w:val="20"/>
          <w:lang w:val="en-US" w:eastAsia="ja-JP"/>
        </w:rPr>
      </w:pPr>
    </w:p>
    <w:p w:rsidR="0092004A" w:rsidP="24C4927A" w:rsidRDefault="0092004A" w14:paraId="4537ED39" w14:textId="663B86A2">
      <w:pPr>
        <w:spacing w:after="160" w:line="240" w:lineRule="auto"/>
        <w:rPr>
          <w:rFonts w:ascii="Times New Roman" w:hAnsi="Times New Roman" w:eastAsia="MS Mincho" w:cs="Arial"/>
          <w:sz w:val="20"/>
          <w:szCs w:val="20"/>
          <w:lang w:val="en-US" w:eastAsia="ja-JP"/>
        </w:rPr>
      </w:pPr>
      <w:bookmarkStart w:name="_GoBack" w:id="0"/>
      <w:bookmarkEnd w:id="0"/>
      <w:r w:rsidRPr="66C2D5F6" w:rsidR="69F84438"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  <w:t xml:space="preserve">Supplemental Table </w:t>
      </w:r>
      <w:r w:rsidRPr="66C2D5F6" w:rsidR="02F845C1"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  <w:t>2</w:t>
      </w:r>
      <w:r w:rsidRPr="66C2D5F6" w:rsidR="69F84438"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  <w:t xml:space="preserve">. </w:t>
      </w:r>
      <w:r w:rsidRPr="66C2D5F6" w:rsidR="69F84438">
        <w:rPr>
          <w:rFonts w:ascii="Times New Roman" w:hAnsi="Times New Roman" w:eastAsia="MS Mincho" w:cs="Arial"/>
          <w:sz w:val="20"/>
          <w:szCs w:val="20"/>
          <w:lang w:val="en-US" w:eastAsia="ja-JP"/>
        </w:rPr>
        <w:t>Lesion-based analysis</w:t>
      </w:r>
      <w:r w:rsidRPr="66C2D5F6" w:rsidR="6C8974A5">
        <w:rPr>
          <w:rFonts w:ascii="Times New Roman" w:hAnsi="Times New Roman" w:eastAsia="MS Mincho" w:cs="Arial"/>
          <w:sz w:val="20"/>
          <w:szCs w:val="20"/>
          <w:lang w:val="en-US" w:eastAsia="ja-JP"/>
        </w:rPr>
        <w:t xml:space="preserve"> of measurable disease, FET-</w:t>
      </w:r>
      <w:r w:rsidRPr="66C2D5F6" w:rsidR="15D510DB">
        <w:rPr>
          <w:rFonts w:ascii="Times New Roman" w:hAnsi="Times New Roman" w:eastAsia="MS Mincho" w:cs="Arial"/>
          <w:sz w:val="20"/>
          <w:szCs w:val="20"/>
          <w:lang w:val="en-US" w:eastAsia="ja-JP"/>
        </w:rPr>
        <w:t>positivity,</w:t>
      </w:r>
      <w:r w:rsidRPr="66C2D5F6" w:rsidR="6C8974A5">
        <w:rPr>
          <w:rFonts w:ascii="Times New Roman" w:hAnsi="Times New Roman" w:eastAsia="MS Mincho" w:cs="Arial"/>
          <w:sz w:val="20"/>
          <w:szCs w:val="20"/>
          <w:lang w:val="en-US" w:eastAsia="ja-JP"/>
        </w:rPr>
        <w:t xml:space="preserve"> and classification across reconstructions.</w:t>
      </w:r>
      <w:r w:rsidRPr="66C2D5F6" w:rsidR="6C8974A5"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  <w:t xml:space="preserve"> </w:t>
      </w:r>
    </w:p>
    <w:tbl>
      <w:tblPr>
        <w:tblW w:w="0" w:type="dxa"/>
        <w:tblBorders>
          <w:top w:val="outset" w:color="auto" w:sz="6" w:space="0"/>
          <w:left w:val="outset" w:color="auto" w:sz="6" w:space="0"/>
          <w:bottom w:val="outset" w:color="auto" w:sz="6" w:space="0"/>
          <w:right w:val="outset" w:color="auto" w:sz="6" w:space="0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325"/>
        <w:gridCol w:w="1875"/>
        <w:gridCol w:w="1905"/>
        <w:gridCol w:w="2115"/>
        <w:gridCol w:w="1110"/>
      </w:tblGrid>
      <w:tr w:rsidRPr="00370C9A" w:rsidR="00370C9A" w:rsidTr="00370C9A" w14:paraId="1A2CA166" w14:textId="77777777">
        <w:trPr>
          <w:trHeight w:val="300"/>
        </w:trPr>
        <w:tc>
          <w:tcPr>
            <w:tcW w:w="2325" w:type="dxa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370C9A" w:rsidR="00370C9A" w:rsidP="00370C9A" w:rsidRDefault="00370C9A" w14:paraId="785EB8EA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370C9A" w:rsidR="00370C9A" w:rsidP="00370C9A" w:rsidRDefault="00370C9A" w14:paraId="64E8E503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b/>
                <w:bCs/>
                <w:sz w:val="20"/>
                <w:lang w:val="en-US" w:eastAsia="nl-NL"/>
              </w:rPr>
              <w:t>EARL1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370C9A" w:rsidR="00370C9A" w:rsidP="00370C9A" w:rsidRDefault="00370C9A" w14:paraId="55A6959B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b/>
                <w:bCs/>
                <w:sz w:val="20"/>
                <w:lang w:val="en-US" w:eastAsia="nl-NL"/>
              </w:rPr>
              <w:t>EARL2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370C9A" w:rsidR="00370C9A" w:rsidP="00370C9A" w:rsidRDefault="00370C9A" w14:paraId="72C63C43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b/>
                <w:bCs/>
                <w:sz w:val="20"/>
                <w:lang w:val="en-US" w:eastAsia="nl-NL"/>
              </w:rPr>
              <w:t>BSREM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370C9A" w:rsidR="00370C9A" w:rsidP="00370C9A" w:rsidRDefault="00370C9A" w14:paraId="3A02D831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p-value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734E4845" w14:textId="77777777">
        <w:trPr>
          <w:trHeight w:val="300"/>
        </w:trPr>
        <w:tc>
          <w:tcPr>
            <w:tcW w:w="232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3D38987A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b/>
                <w:bCs/>
                <w:sz w:val="20"/>
                <w:lang w:val="en-US" w:eastAsia="nl-NL"/>
              </w:rPr>
              <w:t>Measurable disease, n (%)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3F3E52AB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54F6357F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046F3F01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3AD0B220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&lt;0.001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6DE2EEB5" w14:textId="77777777">
        <w:trPr>
          <w:trHeight w:val="300"/>
        </w:trPr>
        <w:tc>
          <w:tcPr>
            <w:tcW w:w="232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1D376652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BTV &gt; 0.5 mL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715D16F3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32 (68%)*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1B466D34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40 (85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77D8205B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42 (89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395E334D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114DAD55" w14:textId="77777777">
        <w:trPr>
          <w:trHeight w:val="300"/>
        </w:trPr>
        <w:tc>
          <w:tcPr>
            <w:tcW w:w="232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35EC7883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BTV &lt; 0.5 mL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4BD7FCA6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15 (32%)*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38045BF3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7 (15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1A48457B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5 (11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619E4F1B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34574B4A" w14:textId="77777777">
        <w:trPr>
          <w:trHeight w:val="300"/>
        </w:trPr>
        <w:tc>
          <w:tcPr>
            <w:tcW w:w="2325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6BFF4648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b/>
                <w:bCs/>
                <w:sz w:val="20"/>
                <w:lang w:val="en-US" w:eastAsia="nl-NL"/>
              </w:rPr>
              <w:t>FET-positive lesion, n (%)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3B381F09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730B5EE1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1643C9F0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41A6BAC1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0.015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2299D156" w14:textId="77777777">
        <w:trPr>
          <w:trHeight w:val="300"/>
        </w:trPr>
        <w:tc>
          <w:tcPr>
            <w:tcW w:w="232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13F0332C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SUVmean &gt; 1.6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00E7D7EF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39 (83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5953A119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43 (91%)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78581B8A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44 (94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6725722B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4575206C" w14:textId="77777777">
        <w:trPr>
          <w:trHeight w:val="300"/>
        </w:trPr>
        <w:tc>
          <w:tcPr>
            <w:tcW w:w="232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0200916F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SUVmean &lt; 1.6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6AD803D9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8 (17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7C188255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4 (9%)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534CFA61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3 (6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4B2E2CAF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2E400CA9" w14:textId="77777777">
        <w:trPr>
          <w:trHeight w:val="300"/>
        </w:trPr>
        <w:tc>
          <w:tcPr>
            <w:tcW w:w="2325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3969A9D3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b/>
                <w:bCs/>
                <w:sz w:val="20"/>
                <w:lang w:val="en-US" w:eastAsia="nl-NL"/>
              </w:rPr>
              <w:t>Lesion classification, n (%)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25A4CE48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3E8A76B3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60F882FF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nil"/>
              <w:left w:val="nil"/>
              <w:bottom w:val="nil"/>
              <w:right w:val="nil"/>
            </w:tcBorders>
            <w:shd w:val="clear" w:color="auto" w:fill="E8E8E8"/>
            <w:hideMark/>
          </w:tcPr>
          <w:p w:rsidRPr="00370C9A" w:rsidR="00370C9A" w:rsidP="00370C9A" w:rsidRDefault="00370C9A" w14:paraId="38C665E6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&lt;0.001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4A992945" w14:textId="77777777">
        <w:trPr>
          <w:trHeight w:val="300"/>
        </w:trPr>
        <w:tc>
          <w:tcPr>
            <w:tcW w:w="232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6A327CA5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TRC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2DE4AA32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16 (34%)*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38621B5A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8 (17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26C027B6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4 (9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34C026B1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52B4FFB8" w14:textId="77777777">
        <w:trPr>
          <w:trHeight w:val="300"/>
        </w:trPr>
        <w:tc>
          <w:tcPr>
            <w:tcW w:w="232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70D11527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Borderline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20257840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8 (17%)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5882E51F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9 (19%)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309CC71B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2 (4%)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098F1F6B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370C9A" w:rsidR="00370C9A" w:rsidTr="00370C9A" w14:paraId="4B9D08B5" w14:textId="77777777">
        <w:trPr>
          <w:trHeight w:val="300"/>
        </w:trPr>
        <w:tc>
          <w:tcPr>
            <w:tcW w:w="232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04C32A5C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PD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87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4E3CD035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23 (49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90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0E0C515B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30 (64%)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211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0999CA35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val="en-US" w:eastAsia="nl-NL"/>
              </w:rPr>
              <w:t>41 (87%)**</w:t>
            </w: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110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FFFFFF"/>
            <w:hideMark/>
          </w:tcPr>
          <w:p w:rsidRPr="00370C9A" w:rsidR="00370C9A" w:rsidP="00370C9A" w:rsidRDefault="00370C9A" w14:paraId="6BEF04EE" w14:textId="77777777">
            <w:pPr>
              <w:spacing w:line="240" w:lineRule="auto"/>
              <w:textAlignment w:val="baseline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00370C9A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</w:tbl>
    <w:p w:rsidR="00370C9A" w:rsidP="007F37E9" w:rsidRDefault="00370C9A" w14:paraId="72DD6053" w14:textId="77777777">
      <w:pPr>
        <w:spacing w:line="240" w:lineRule="auto"/>
        <w:textAlignment w:val="baseline"/>
        <w:rPr>
          <w:rFonts w:ascii="Times New Roman" w:hAnsi="Times New Roman"/>
          <w:sz w:val="20"/>
          <w:lang w:val="en-US" w:eastAsia="nl-NL"/>
        </w:rPr>
      </w:pPr>
    </w:p>
    <w:p w:rsidR="00370C9A" w:rsidP="24C4927A" w:rsidRDefault="00370C9A" w14:paraId="46A7469B" w14:textId="5E0873D3">
      <w:pPr>
        <w:spacing w:line="240" w:lineRule="auto"/>
        <w:textAlignment w:val="baseline"/>
        <w:rPr>
          <w:rFonts w:ascii="Times New Roman" w:hAnsi="Times New Roman"/>
          <w:sz w:val="20"/>
          <w:szCs w:val="20"/>
          <w:lang w:val="en-US" w:eastAsia="nl-NL"/>
        </w:rPr>
      </w:pPr>
      <w:r w:rsidRPr="24C4927A" w:rsidR="00370C9A">
        <w:rPr>
          <w:rFonts w:ascii="Times New Roman" w:hAnsi="Times New Roman"/>
          <w:sz w:val="20"/>
          <w:szCs w:val="20"/>
          <w:lang w:val="en-US" w:eastAsia="nl-NL"/>
        </w:rPr>
        <w:t xml:space="preserve">*  </w:t>
      </w:r>
      <w:r w:rsidRPr="24C4927A" w:rsidR="35FAEAB4">
        <w:rPr>
          <w:rFonts w:ascii="Times New Roman" w:hAnsi="Times New Roman"/>
          <w:sz w:val="20"/>
          <w:szCs w:val="20"/>
          <w:lang w:val="en-US" w:eastAsia="nl-NL"/>
        </w:rPr>
        <w:t>Significant</w:t>
      </w:r>
      <w:r w:rsidRPr="24C4927A" w:rsidR="00370C9A">
        <w:rPr>
          <w:rFonts w:ascii="Times New Roman" w:hAnsi="Times New Roman"/>
          <w:sz w:val="20"/>
          <w:szCs w:val="20"/>
          <w:lang w:val="en-US" w:eastAsia="nl-NL"/>
        </w:rPr>
        <w:t xml:space="preserve"> difference at p &lt;.05 between pairs (Dunn-Bonferroni</w:t>
      </w:r>
      <w:r w:rsidRPr="24C4927A" w:rsidR="00370C9A">
        <w:rPr>
          <w:rFonts w:ascii="Times New Roman" w:hAnsi="Times New Roman"/>
          <w:sz w:val="20"/>
          <w:szCs w:val="20"/>
          <w:lang w:val="en-US" w:eastAsia="nl-NL"/>
        </w:rPr>
        <w:t xml:space="preserve"> corrected post-hoc test after Cochran’s Q</w:t>
      </w:r>
      <w:r w:rsidRPr="24C4927A" w:rsidR="00370C9A">
        <w:rPr>
          <w:rFonts w:ascii="Times New Roman" w:hAnsi="Times New Roman"/>
          <w:sz w:val="20"/>
          <w:szCs w:val="20"/>
          <w:lang w:val="en-US" w:eastAsia="nl-NL"/>
        </w:rPr>
        <w:t xml:space="preserve"> test). </w:t>
      </w:r>
    </w:p>
    <w:p w:rsidR="00D33C26" w:rsidP="007F37E9" w:rsidRDefault="00D33C26" w14:paraId="765CF4FD" w14:textId="77777777">
      <w:pPr>
        <w:spacing w:line="240" w:lineRule="auto"/>
        <w:textAlignment w:val="baseline"/>
        <w:rPr>
          <w:rFonts w:ascii="Times New Roman" w:hAnsi="Times New Roman"/>
          <w:sz w:val="20"/>
          <w:lang w:val="en-US" w:eastAsia="nl-NL"/>
        </w:rPr>
      </w:pPr>
    </w:p>
    <w:p w:rsidRPr="00A42D5C" w:rsidR="00A42D5C" w:rsidP="66C2D5F6" w:rsidRDefault="00A42D5C" w14:paraId="32FB9DCE" w14:textId="651997D1">
      <w:pPr>
        <w:pStyle w:val="Normal"/>
        <w:spacing w:after="180" w:line="240" w:lineRule="auto"/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</w:pPr>
      <w:r w:rsidRPr="66C2D5F6" w:rsidR="6B6C5C6A"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  <w:t xml:space="preserve">Supplemental </w:t>
      </w:r>
      <w:r w:rsidRPr="66C2D5F6" w:rsidR="6C8974A5"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  <w:t xml:space="preserve">Table 3. </w:t>
      </w:r>
      <w:r w:rsidRPr="66C2D5F6" w:rsidR="6C8974A5">
        <w:rPr>
          <w:rFonts w:ascii="Times New Roman" w:hAnsi="Times New Roman" w:eastAsia="MS Mincho" w:cs="Arial"/>
          <w:b w:val="0"/>
          <w:bCs w:val="0"/>
          <w:sz w:val="20"/>
          <w:szCs w:val="20"/>
          <w:lang w:val="en-US" w:eastAsia="ja-JP"/>
        </w:rPr>
        <w:t>Patient-level classification of progressive disease (PD) versus treatment-related changes (TRC)</w:t>
      </w:r>
      <w:r w:rsidRPr="66C2D5F6" w:rsidR="6C8974A5">
        <w:rPr>
          <w:rFonts w:ascii="Times New Roman" w:hAnsi="Times New Roman" w:eastAsia="MS Mincho" w:cs="Arial"/>
          <w:b w:val="0"/>
          <w:bCs w:val="0"/>
          <w:sz w:val="20"/>
          <w:szCs w:val="20"/>
          <w:lang w:val="en-US" w:eastAsia="ja-JP"/>
        </w:rPr>
        <w:t xml:space="preserve"> compared to follow-up </w:t>
      </w:r>
      <w:r w:rsidRPr="66C2D5F6" w:rsidR="25483E66">
        <w:rPr>
          <w:rFonts w:ascii="Times New Roman" w:hAnsi="Times New Roman" w:eastAsia="MS Mincho" w:cs="Arial"/>
          <w:b w:val="0"/>
          <w:bCs w:val="0"/>
          <w:sz w:val="20"/>
          <w:szCs w:val="20"/>
          <w:lang w:val="en-US" w:eastAsia="ja-JP"/>
        </w:rPr>
        <w:t>outcomes</w:t>
      </w:r>
      <w:r w:rsidRPr="66C2D5F6" w:rsidR="6C8974A5">
        <w:rPr>
          <w:rFonts w:ascii="Times New Roman" w:hAnsi="Times New Roman" w:eastAsia="MS Mincho" w:cs="Arial"/>
          <w:b w:val="0"/>
          <w:bCs w:val="0"/>
          <w:sz w:val="20"/>
          <w:szCs w:val="20"/>
          <w:lang w:val="en-US" w:eastAsia="ja-JP"/>
        </w:rPr>
        <w:t xml:space="preserve">. </w:t>
      </w:r>
      <w:r>
        <w:br/>
      </w:r>
      <w:r w:rsidRPr="66C2D5F6" w:rsidR="6C8974A5">
        <w:rPr>
          <w:rFonts w:ascii="Times New Roman" w:hAnsi="Times New Roman" w:eastAsia="MS Mincho"/>
          <w:sz w:val="20"/>
          <w:szCs w:val="20"/>
          <w:lang w:val="en-US" w:eastAsia="ja-JP"/>
        </w:rPr>
        <w:t>(A)</w:t>
      </w:r>
    </w:p>
    <w:tbl>
      <w:tblPr>
        <w:tblW w:w="0" w:type="dxa"/>
        <w:tblBorders>
          <w:top w:val="outset" w:color="auto" w:sz="6" w:space="0"/>
          <w:left w:val="outset" w:color="auto" w:sz="6" w:space="0"/>
          <w:bottom w:val="outset" w:color="auto" w:sz="6" w:space="0"/>
          <w:right w:val="outset" w:color="auto" w:sz="6" w:space="0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340"/>
        <w:gridCol w:w="1665"/>
        <w:gridCol w:w="1665"/>
        <w:gridCol w:w="1665"/>
      </w:tblGrid>
      <w:tr w:rsidRPr="00A42D5C" w:rsidR="00A42D5C" w:rsidTr="00370C9A" w14:paraId="19BE2B82" w14:textId="77777777">
        <w:trPr>
          <w:trHeight w:val="300"/>
        </w:trPr>
        <w:tc>
          <w:tcPr>
            <w:tcW w:w="2340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05F182FE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val="en-US"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 </w:t>
            </w:r>
          </w:p>
        </w:tc>
        <w:tc>
          <w:tcPr>
            <w:tcW w:w="3330" w:type="dxa"/>
            <w:gridSpan w:val="2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1D3B06BE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Follow-up outcome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7C7E70E6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370C9A" w14:paraId="4A12042B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2F97C8C2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EARL1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6CFD8C98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PD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5607A66B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RC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7E8832CE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otal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A42D5C" w14:paraId="08C85D16" w14:textId="77777777">
        <w:trPr>
          <w:trHeight w:val="300"/>
        </w:trPr>
        <w:tc>
          <w:tcPr>
            <w:tcW w:w="2340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3036BEDD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PD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3F44E493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21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5101AF65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48B2A748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21 (64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A42D5C" w14:paraId="343B7D91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09A7C600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RC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0463998A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3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7C05E4B3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5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09238F42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8 (24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A42D5C" w14:paraId="5C4B5E7C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694CEC0E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Borderline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4708C0C2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4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35D7ACFE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2E144FEF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4 (12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A42D5C" w14:paraId="17DB635C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5274B302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otal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62042625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28 (85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54385226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5 (15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0FB46D8D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33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</w:tbl>
    <w:p w:rsidRPr="00A42D5C" w:rsidR="00A42D5C" w:rsidP="00A42D5C" w:rsidRDefault="00A42D5C" w14:paraId="1B76CFD3" w14:textId="015590EF">
      <w:pPr>
        <w:spacing w:line="240" w:lineRule="auto"/>
        <w:textAlignment w:val="baseline"/>
        <w:rPr>
          <w:rFonts w:ascii="Times New Roman" w:hAnsi="Times New Roman"/>
          <w:sz w:val="20"/>
          <w:lang w:eastAsia="nl-NL"/>
        </w:rPr>
      </w:pPr>
      <w:r w:rsidRPr="00A42D5C">
        <w:rPr>
          <w:rFonts w:ascii="Times New Roman" w:hAnsi="Times New Roman"/>
          <w:sz w:val="20"/>
          <w:lang w:eastAsia="nl-NL"/>
        </w:rPr>
        <w:t> </w:t>
      </w:r>
      <w:r w:rsidRPr="00A42D5C">
        <w:rPr>
          <w:rFonts w:ascii="Times New Roman" w:hAnsi="Times New Roman"/>
          <w:sz w:val="20"/>
          <w:lang w:eastAsia="nl-NL"/>
        </w:rPr>
        <w:br/>
      </w:r>
      <w:r w:rsidRPr="00A42D5C">
        <w:rPr>
          <w:rFonts w:ascii="Times New Roman" w:hAnsi="Times New Roman"/>
          <w:sz w:val="20"/>
          <w:lang w:eastAsia="nl-NL"/>
        </w:rPr>
        <w:t>(B)</w:t>
      </w:r>
    </w:p>
    <w:tbl>
      <w:tblPr>
        <w:tblW w:w="0" w:type="dxa"/>
        <w:tblBorders>
          <w:top w:val="outset" w:color="auto" w:sz="6" w:space="0"/>
          <w:left w:val="outset" w:color="auto" w:sz="6" w:space="0"/>
          <w:bottom w:val="outset" w:color="auto" w:sz="6" w:space="0"/>
          <w:right w:val="outset" w:color="auto" w:sz="6" w:space="0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340"/>
        <w:gridCol w:w="1665"/>
        <w:gridCol w:w="1665"/>
        <w:gridCol w:w="1665"/>
      </w:tblGrid>
      <w:tr w:rsidRPr="00A42D5C" w:rsidR="00A42D5C" w:rsidTr="00370C9A" w14:paraId="139FA660" w14:textId="77777777">
        <w:trPr>
          <w:trHeight w:val="300"/>
        </w:trPr>
        <w:tc>
          <w:tcPr>
            <w:tcW w:w="2340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76B2C081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3330" w:type="dxa"/>
            <w:gridSpan w:val="2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428FFC1D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Follow-up outcome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28C7CA11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370C9A" w14:paraId="5A87B7B7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6EBE6D31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EARL2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1A6FD31C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PD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4F0298A3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RC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31A67949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otal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A42D5C" w14:paraId="715904B8" w14:textId="77777777">
        <w:trPr>
          <w:trHeight w:val="300"/>
        </w:trPr>
        <w:tc>
          <w:tcPr>
            <w:tcW w:w="2340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239FCB49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PD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44468743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24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60BFE3B7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sz="12" w:space="0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3C8FBD2C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24 (75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A42D5C" w14:paraId="0EB25F0B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7F16E879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RC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2CE15DDF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5CDB0DD9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5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5AAF35DE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5 (16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A42D5C" w14:paraId="56750054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6BF4D0DB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Borderline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29FD53AD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4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767FDFE6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22BD6268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3 (9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00A42D5C" w14:paraId="325038CE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619A7A78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otal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7E593345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28 (85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3F10CA90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5 (15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sz="12" w:space="0"/>
              <w:right w:val="nil"/>
            </w:tcBorders>
            <w:shd w:val="clear" w:color="auto" w:fill="auto"/>
            <w:hideMark/>
          </w:tcPr>
          <w:p w:rsidRPr="00A42D5C" w:rsidR="00A42D5C" w:rsidP="00A42D5C" w:rsidRDefault="00A42D5C" w14:paraId="0237D0C1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33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</w:tbl>
    <w:p w:rsidRPr="00A42D5C" w:rsidR="00A42D5C" w:rsidP="00A42D5C" w:rsidRDefault="00A42D5C" w14:paraId="47BDA5CA" w14:textId="01F92A3C">
      <w:pPr>
        <w:spacing w:line="240" w:lineRule="auto"/>
        <w:textAlignment w:val="baseline"/>
        <w:rPr>
          <w:rFonts w:ascii="Times New Roman" w:hAnsi="Times New Roman"/>
          <w:sz w:val="20"/>
          <w:lang w:eastAsia="nl-NL"/>
        </w:rPr>
      </w:pPr>
      <w:r w:rsidRPr="00A42D5C">
        <w:rPr>
          <w:rFonts w:ascii="Times New Roman" w:hAnsi="Times New Roman"/>
          <w:sz w:val="20"/>
          <w:lang w:eastAsia="nl-NL"/>
        </w:rPr>
        <w:t> </w:t>
      </w:r>
      <w:r w:rsidRPr="00A42D5C">
        <w:rPr>
          <w:rFonts w:ascii="Times New Roman" w:hAnsi="Times New Roman"/>
          <w:sz w:val="20"/>
          <w:lang w:eastAsia="nl-NL"/>
        </w:rPr>
        <w:br/>
      </w:r>
      <w:r w:rsidRPr="00A42D5C">
        <w:rPr>
          <w:rFonts w:ascii="Times New Roman" w:hAnsi="Times New Roman"/>
          <w:sz w:val="20"/>
          <w:lang w:eastAsia="nl-NL"/>
        </w:rPr>
        <w:t>(C)</w:t>
      </w:r>
    </w:p>
    <w:tbl>
      <w:tblPr>
        <w:tblW w:w="0" w:type="dxa"/>
        <w:tblBorders>
          <w:top w:val="outset" w:color="auto" w:sz="6" w:space="0"/>
          <w:left w:val="outset" w:color="auto" w:sz="6" w:space="0"/>
          <w:bottom w:val="outset" w:color="auto" w:sz="6" w:space="0"/>
          <w:right w:val="outset" w:color="auto" w:sz="6" w:space="0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340"/>
        <w:gridCol w:w="1665"/>
        <w:gridCol w:w="1665"/>
        <w:gridCol w:w="1665"/>
      </w:tblGrid>
      <w:tr w:rsidRPr="00A42D5C" w:rsidR="00A42D5C" w:rsidTr="66C2D5F6" w14:paraId="41D8FB48" w14:textId="77777777">
        <w:trPr>
          <w:trHeight w:val="300"/>
        </w:trPr>
        <w:tc>
          <w:tcPr>
            <w:tcW w:w="2340" w:type="dxa"/>
            <w:tcBorders>
              <w:top w:val="single" w:color="000000" w:themeColor="text1" w:sz="12" w:space="0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7A6A5CFC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3330" w:type="dxa"/>
            <w:gridSpan w:val="2"/>
            <w:tcBorders>
              <w:top w:val="single" w:color="000000" w:themeColor="text1" w:sz="12" w:space="0"/>
              <w:left w:val="nil"/>
              <w:bottom w:val="single" w:color="000000" w:themeColor="text1" w:sz="12" w:space="0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5D7E22C9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Follow-up outcome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themeColor="text1" w:sz="12" w:space="0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4B0960F2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66C2D5F6" w14:paraId="5297FCEB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single" w:color="000000" w:themeColor="text1" w:sz="12" w:space="0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3C2CCB0E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BSREM15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themeColor="text1" w:sz="12" w:space="0"/>
              <w:left w:val="nil"/>
              <w:bottom w:val="single" w:color="000000" w:themeColor="text1" w:sz="12" w:space="0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1D76A005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PD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themeColor="text1" w:sz="12" w:space="0"/>
              <w:left w:val="nil"/>
              <w:bottom w:val="single" w:color="000000" w:themeColor="text1" w:sz="12" w:space="0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6AE5A1AD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RC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themeColor="text1" w:sz="12" w:space="0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06785D17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otal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66C2D5F6" w14:paraId="7C479E9B" w14:textId="77777777">
        <w:trPr>
          <w:trHeight w:val="300"/>
        </w:trPr>
        <w:tc>
          <w:tcPr>
            <w:tcW w:w="2340" w:type="dxa"/>
            <w:tcBorders>
              <w:top w:val="single" w:color="000000" w:themeColor="text1" w:sz="12" w:space="0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2BCE9ABD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PD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themeColor="text1" w:sz="12" w:space="0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3013168F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28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themeColor="text1" w:sz="12" w:space="0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675533E1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1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single" w:color="000000" w:themeColor="text1" w:sz="12" w:space="0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4AB426F7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29 (88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66C2D5F6" w14:paraId="53221C8E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629C8815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RC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2A1D7D80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4864523E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4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4BB3FDF2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4 (12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66C2D5F6" w14:paraId="353DFF75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5EAE6626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Borderline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6391B597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67F0505F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094849A5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0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  <w:tr w:rsidRPr="00A42D5C" w:rsidR="00A42D5C" w:rsidTr="66C2D5F6" w14:paraId="4AF76FC9" w14:textId="77777777">
        <w:trPr>
          <w:trHeight w:val="300"/>
        </w:trPr>
        <w:tc>
          <w:tcPr>
            <w:tcW w:w="2340" w:type="dxa"/>
            <w:tcBorders>
              <w:top w:val="nil"/>
              <w:left w:val="nil"/>
              <w:bottom w:val="single" w:color="000000" w:themeColor="text1" w:sz="12" w:space="0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267DEE0B" w14:textId="77777777">
            <w:pPr>
              <w:spacing w:line="240" w:lineRule="auto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Total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themeColor="text1" w:sz="12" w:space="0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4821DADC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28 (85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themeColor="text1" w:sz="12" w:space="0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A42D5C" w14:paraId="55D612F8" w14:textId="77777777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 w:rsidRPr="00A42D5C">
              <w:rPr>
                <w:rFonts w:ascii="Times New Roman" w:hAnsi="Times New Roman"/>
                <w:sz w:val="20"/>
                <w:lang w:val="en-US" w:eastAsia="nl-NL"/>
              </w:rPr>
              <w:t>5 (15%)</w:t>
            </w:r>
            <w:r w:rsidRP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  <w:tc>
          <w:tcPr>
            <w:tcW w:w="1665" w:type="dxa"/>
            <w:tcBorders>
              <w:top w:val="nil"/>
              <w:left w:val="nil"/>
              <w:bottom w:val="single" w:color="000000" w:themeColor="text1" w:sz="12" w:space="0"/>
              <w:right w:val="nil"/>
            </w:tcBorders>
            <w:shd w:val="clear" w:color="auto" w:fill="auto"/>
            <w:tcMar/>
            <w:hideMark/>
          </w:tcPr>
          <w:p w:rsidRPr="00A42D5C" w:rsidR="00A42D5C" w:rsidP="00A42D5C" w:rsidRDefault="00370C9A" w14:paraId="10A2A743" w14:textId="01BDEB0B">
            <w:pPr>
              <w:spacing w:line="240" w:lineRule="auto"/>
              <w:jc w:val="center"/>
              <w:textAlignment w:val="baseline"/>
              <w:rPr>
                <w:rFonts w:ascii="Times New Roman" w:hAnsi="Times New Roman"/>
                <w:sz w:val="20"/>
                <w:lang w:eastAsia="nl-NL"/>
              </w:rPr>
            </w:pPr>
            <w:r>
              <w:rPr>
                <w:rFonts w:ascii="Times New Roman" w:hAnsi="Times New Roman"/>
                <w:sz w:val="20"/>
                <w:lang w:val="en-US" w:eastAsia="nl-NL"/>
              </w:rPr>
              <w:t>3</w:t>
            </w:r>
            <w:r w:rsidRPr="00A42D5C" w:rsidR="00A42D5C">
              <w:rPr>
                <w:rFonts w:ascii="Times New Roman" w:hAnsi="Times New Roman"/>
                <w:sz w:val="20"/>
                <w:lang w:val="en-US" w:eastAsia="nl-NL"/>
              </w:rPr>
              <w:t>3</w:t>
            </w:r>
            <w:r w:rsidRPr="00A42D5C" w:rsidR="00A42D5C">
              <w:rPr>
                <w:rFonts w:ascii="Times New Roman" w:hAnsi="Times New Roman"/>
                <w:sz w:val="20"/>
                <w:lang w:eastAsia="nl-NL"/>
              </w:rPr>
              <w:t> </w:t>
            </w:r>
          </w:p>
        </w:tc>
      </w:tr>
    </w:tbl>
    <w:p w:rsidR="66C2D5F6" w:rsidRDefault="66C2D5F6" w14:paraId="4CC329E3" w14:textId="30DE0B04"/>
    <w:p w:rsidR="66C2D5F6" w:rsidRDefault="66C2D5F6" w14:paraId="5CC83A7A" w14:textId="273025BF"/>
    <w:p w:rsidR="66C2D5F6" w:rsidP="66C2D5F6" w:rsidRDefault="66C2D5F6" w14:paraId="2DA5C4F6" w14:textId="029C6419">
      <w:pPr>
        <w:pStyle w:val="Normal"/>
      </w:pPr>
    </w:p>
    <w:p w:rsidR="4A695733" w:rsidP="66C2D5F6" w:rsidRDefault="4A695733" w14:paraId="7D670CF6" w14:textId="50F9AD9C">
      <w:pPr>
        <w:pStyle w:val="Normal"/>
        <w:spacing w:line="240" w:lineRule="auto"/>
        <w:rPr>
          <w:rFonts w:ascii="Times New Roman" w:hAnsi="Times New Roman"/>
          <w:sz w:val="20"/>
          <w:szCs w:val="20"/>
          <w:lang w:val="en-US" w:eastAsia="ja-JP"/>
        </w:rPr>
      </w:pPr>
      <w:r w:rsidRPr="66C2D5F6" w:rsidR="4A695733"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  <w:t xml:space="preserve">Supplemental Table </w:t>
      </w:r>
      <w:r w:rsidRPr="66C2D5F6" w:rsidR="659FD0D1"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  <w:t>4</w:t>
      </w:r>
      <w:r w:rsidRPr="66C2D5F6" w:rsidR="4A695733">
        <w:rPr>
          <w:rFonts w:ascii="Times New Roman" w:hAnsi="Times New Roman" w:eastAsia="MS Mincho" w:cs="Arial"/>
          <w:b w:val="1"/>
          <w:bCs w:val="1"/>
          <w:sz w:val="20"/>
          <w:szCs w:val="20"/>
          <w:lang w:val="en-US" w:eastAsia="ja-JP"/>
        </w:rPr>
        <w:t xml:space="preserve">. </w:t>
      </w:r>
      <w:r w:rsidRPr="66C2D5F6" w:rsidR="4A695733">
        <w:rPr>
          <w:rFonts w:ascii="Times New Roman" w:hAnsi="Times New Roman"/>
          <w:sz w:val="20"/>
          <w:szCs w:val="20"/>
          <w:lang w:val="en-US" w:eastAsia="ja-JP"/>
        </w:rPr>
        <w:t>Dice and Jaccard similarity coefficients for EARL2 and BSREM reconstructions relative to EARL1</w:t>
      </w:r>
      <w:r w:rsidRPr="66C2D5F6" w:rsidR="4A695733">
        <w:rPr>
          <w:rFonts w:ascii="Aptos" w:hAnsi="Aptos" w:eastAsia="MS Mincho" w:cs="Arial"/>
          <w:sz w:val="24"/>
          <w:szCs w:val="24"/>
          <w:lang w:val="en-US" w:eastAsia="ja-JP"/>
        </w:rPr>
        <w:t xml:space="preserve"> </w:t>
      </w:r>
      <w:r w:rsidRPr="66C2D5F6" w:rsidR="4A695733">
        <w:rPr>
          <w:rFonts w:ascii="Times New Roman" w:hAnsi="Times New Roman"/>
          <w:sz w:val="20"/>
          <w:szCs w:val="20"/>
          <w:lang w:val="en-US" w:eastAsia="ja-JP"/>
        </w:rPr>
        <w:t xml:space="preserve">at increasing TBR thresholds in a subset of 30 lesions in 21 patients. Values are shown as median (range). </w:t>
      </w:r>
    </w:p>
    <w:tbl>
      <w:tblPr>
        <w:tblW w:w="0" w:type="auto"/>
        <w:tblBorders>
          <w:top w:val="outset" w:color="auto" w:sz="6"/>
          <w:left w:val="outset" w:color="auto" w:sz="6"/>
          <w:bottom w:val="outset" w:color="auto" w:sz="6"/>
          <w:right w:val="outset" w:color="auto" w:sz="6"/>
        </w:tblBorders>
        <w:tblLook w:val="04A0" w:firstRow="1" w:lastRow="0" w:firstColumn="1" w:lastColumn="0" w:noHBand="0" w:noVBand="1"/>
      </w:tblPr>
      <w:tblGrid>
        <w:gridCol w:w="1860"/>
        <w:gridCol w:w="1860"/>
        <w:gridCol w:w="1860"/>
        <w:gridCol w:w="1860"/>
        <w:gridCol w:w="1860"/>
      </w:tblGrid>
      <w:tr w:rsidR="66C2D5F6" w:rsidTr="66C2D5F6" w14:paraId="5732D3D4">
        <w:trPr>
          <w:trHeight w:val="300"/>
        </w:trPr>
        <w:tc>
          <w:tcPr>
            <w:tcW w:w="1860" w:type="dxa"/>
            <w:tcBorders>
              <w:top w:val="single" w:color="000000" w:themeColor="text1" w:sz="12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356CA46A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b w:val="1"/>
                <w:bCs w:val="1"/>
                <w:sz w:val="20"/>
                <w:szCs w:val="20"/>
                <w:lang w:eastAsia="nl-NL"/>
              </w:rPr>
              <w:t>Reconstruction</w:t>
            </w: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single" w:color="000000" w:themeColor="text1" w:sz="12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5ACFB658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b w:val="1"/>
                <w:bCs w:val="1"/>
                <w:sz w:val="20"/>
                <w:szCs w:val="20"/>
                <w:lang w:eastAsia="nl-NL"/>
              </w:rPr>
              <w:t>TBR threshold</w:t>
            </w: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single" w:color="000000" w:themeColor="text1" w:sz="12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09211414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b w:val="1"/>
                <w:bCs w:val="1"/>
                <w:sz w:val="20"/>
                <w:szCs w:val="20"/>
                <w:lang w:eastAsia="nl-NL"/>
              </w:rPr>
              <w:t>DICE</w:t>
            </w: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single" w:color="000000" w:themeColor="text1" w:sz="12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31DA1E2A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b w:val="1"/>
                <w:bCs w:val="1"/>
                <w:sz w:val="20"/>
                <w:szCs w:val="20"/>
                <w:lang w:eastAsia="nl-NL"/>
              </w:rPr>
              <w:t>Jaccard</w:t>
            </w: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single" w:color="000000" w:themeColor="text1" w:sz="12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002FCE4F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73A668D3">
        <w:trPr>
          <w:trHeight w:val="300"/>
        </w:trPr>
        <w:tc>
          <w:tcPr>
            <w:tcW w:w="1860" w:type="dxa"/>
            <w:tcBorders>
              <w:top w:val="single" w:color="000000" w:themeColor="text1" w:sz="12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654B4B77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EARL2 </w:t>
            </w:r>
          </w:p>
        </w:tc>
        <w:tc>
          <w:tcPr>
            <w:tcW w:w="1860" w:type="dxa"/>
            <w:tcBorders>
              <w:top w:val="single" w:color="000000" w:themeColor="text1" w:sz="12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312692F1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1.6 </w:t>
            </w:r>
          </w:p>
        </w:tc>
        <w:tc>
          <w:tcPr>
            <w:tcW w:w="1860" w:type="dxa"/>
            <w:tcBorders>
              <w:top w:val="single" w:color="000000" w:themeColor="text1" w:sz="12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4E3C1651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869 (0.110-0.955) </w:t>
            </w:r>
          </w:p>
        </w:tc>
        <w:tc>
          <w:tcPr>
            <w:tcW w:w="1860" w:type="dxa"/>
            <w:tcBorders>
              <w:top w:val="single" w:color="000000" w:themeColor="text1" w:sz="12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650BEFA6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769 (0.058-0.913) </w:t>
            </w:r>
          </w:p>
        </w:tc>
        <w:tc>
          <w:tcPr>
            <w:tcW w:w="1860" w:type="dxa"/>
            <w:tcBorders>
              <w:top w:val="single" w:color="000000" w:themeColor="text1" w:sz="12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5C3F056D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0DBA1FC6">
        <w:trPr>
          <w:trHeight w:val="300"/>
        </w:trPr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0FA6231D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2DCFEF71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1.7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4D8DEFCF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860 (0.136-0.947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4994E6BA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754 (0.073-0.900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1C07FF33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4E612C53">
        <w:trPr>
          <w:trHeight w:val="300"/>
        </w:trPr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3E3BECC1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5D4AB08E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1.8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583B183D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787 (0.170-0.951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084E2FA2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649 (0.093-0.906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53814D3C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134FF5DC">
        <w:trPr>
          <w:trHeight w:val="300"/>
        </w:trPr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20C998C7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1BF13B74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1.9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27756290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765 (0.223-0.885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61662640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619 (0.125-0.794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01AD1A95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77DB2D55">
        <w:trPr>
          <w:trHeight w:val="300"/>
        </w:trPr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57CD256C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67F86608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2.0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6BC3B8C7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676 (0.082-1.00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1D1DEDFC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513 (0.043-1.00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18B13479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21FCECD3">
        <w:trPr>
          <w:trHeight w:val="300"/>
        </w:trPr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239A5288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BSREM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07E2680F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1.6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657F9AE4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722 (0.067-0.888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770383DD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566 (0.034-0.798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328B1534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2B811F6C">
        <w:trPr>
          <w:trHeight w:val="300"/>
        </w:trPr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5FC868BC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30B7EE16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1.7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032714F3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754 (0.072-0.908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46D423B8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605 (0.037-0.832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7364BA66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028A966F">
        <w:trPr>
          <w:trHeight w:val="300"/>
        </w:trPr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660E70C3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504700E4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1.8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4B5ED6A6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753 (0.087-0.909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105E8017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603 (0.045-0.833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21323E90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5D90449E">
        <w:trPr>
          <w:trHeight w:val="300"/>
        </w:trPr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1197EDA2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238891C6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1.9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19B705F8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728 (0.087-0.909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1E285EBF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572 (0.045-0.833) </w:t>
            </w:r>
          </w:p>
        </w:tc>
        <w:tc>
          <w:tcPr>
            <w:tcW w:w="18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Mar/>
          </w:tcPr>
          <w:p w:rsidR="66C2D5F6" w:rsidP="66C2D5F6" w:rsidRDefault="66C2D5F6" w14:paraId="0964F453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  <w:tr w:rsidR="66C2D5F6" w:rsidTr="66C2D5F6" w14:paraId="6571793A">
        <w:trPr>
          <w:trHeight w:val="300"/>
        </w:trPr>
        <w:tc>
          <w:tcPr>
            <w:tcW w:w="1860" w:type="dxa"/>
            <w:tcBorders>
              <w:top w:val="nil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22A62D82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1860" w:type="dxa"/>
            <w:tcBorders>
              <w:top w:val="nil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19DC6FBB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2.0 </w:t>
            </w:r>
          </w:p>
        </w:tc>
        <w:tc>
          <w:tcPr>
            <w:tcW w:w="1860" w:type="dxa"/>
            <w:tcBorders>
              <w:top w:val="nil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238CA0DB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701 (0.098-0.860) </w:t>
            </w:r>
          </w:p>
        </w:tc>
        <w:tc>
          <w:tcPr>
            <w:tcW w:w="1860" w:type="dxa"/>
            <w:tcBorders>
              <w:top w:val="nil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494B7522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0.540 (0.051-0.754) </w:t>
            </w:r>
          </w:p>
        </w:tc>
        <w:tc>
          <w:tcPr>
            <w:tcW w:w="1860" w:type="dxa"/>
            <w:tcBorders>
              <w:top w:val="nil"/>
              <w:left w:val="nil"/>
              <w:bottom w:val="single" w:color="000000" w:themeColor="text1" w:sz="12"/>
              <w:right w:val="nil"/>
            </w:tcBorders>
            <w:shd w:val="clear" w:color="auto" w:fill="auto"/>
            <w:tcMar/>
          </w:tcPr>
          <w:p w:rsidR="66C2D5F6" w:rsidP="66C2D5F6" w:rsidRDefault="66C2D5F6" w14:paraId="15B70707">
            <w:pPr>
              <w:spacing w:line="240" w:lineRule="auto"/>
              <w:rPr>
                <w:rFonts w:ascii="Segoe UI" w:hAnsi="Segoe UI" w:cs="Segoe UI"/>
                <w:sz w:val="18"/>
                <w:szCs w:val="18"/>
                <w:lang w:eastAsia="nl-NL"/>
              </w:rPr>
            </w:pPr>
            <w:r w:rsidRPr="66C2D5F6" w:rsidR="66C2D5F6">
              <w:rPr>
                <w:rFonts w:ascii="Times New Roman" w:hAnsi="Times New Roman"/>
                <w:sz w:val="20"/>
                <w:szCs w:val="20"/>
                <w:lang w:eastAsia="nl-NL"/>
              </w:rPr>
              <w:t> </w:t>
            </w:r>
          </w:p>
        </w:tc>
      </w:tr>
    </w:tbl>
    <w:p w:rsidR="66C2D5F6" w:rsidP="66C2D5F6" w:rsidRDefault="66C2D5F6" w14:paraId="1E90F9AE" w14:textId="03F15ED6">
      <w:pPr>
        <w:pStyle w:val="Normal"/>
      </w:pPr>
    </w:p>
    <w:sectPr w:rsidRPr="00082707" w:rsidR="00265C52" w:rsidSect="00A42D5C">
      <w:footerReference w:type="default" r:id="rId13"/>
      <w:pgSz w:w="16838" w:h="11906" w:orient="landscape" w:code="9"/>
      <w:pgMar w:top="1418" w:right="2035" w:bottom="2495" w:left="709" w:header="709" w:footer="709" w:gutter="0"/>
      <w:cols w:space="720"/>
      <w:titlePg/>
      <w:docGrid w:linePitch="258"/>
      <w:headerReference w:type="default" r:id="R27d8c13c418e404d"/>
      <w:headerReference w:type="first" r:id="Rebf392e4fcfa4fbb"/>
      <w:footerReference w:type="first" r:id="R9d5329cadefc400d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790AAF" w:rsidRDefault="00790AAF" w14:paraId="1A225BEB" w14:textId="77777777">
      <w:r>
        <w:separator/>
      </w:r>
    </w:p>
  </w:endnote>
  <w:endnote w:type="continuationSeparator" w:id="0">
    <w:p w:rsidR="00790AAF" w:rsidRDefault="00790AAF" w14:paraId="62DDE472" w14:textId="7777777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ptos">
    <w:altName w:val="Arial"/>
    <w:charset w:val="00"/>
    <w:family w:val="swiss"/>
    <w:pitch w:val="variable"/>
    <w:sig w:usb0="20000287" w:usb1="00000003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Pr="009C7523" w:rsidR="00790AAF" w:rsidP="009C7523" w:rsidRDefault="00790AAF" w14:paraId="77214212" w14:textId="77777777">
    <w:pPr>
      <w:pStyle w:val="Footer"/>
      <w:tabs>
        <w:tab w:val="clear" w:pos="4536"/>
        <w:tab w:val="clear" w:pos="9072"/>
        <w:tab w:val="left" w:pos="1455"/>
      </w:tabs>
      <w:rPr>
        <w:lang w:val="en-US"/>
      </w:rPr>
    </w:pPr>
  </w:p>
</w:ftr>
</file>

<file path=word/footer2.xml><?xml version="1.0" encoding="utf-8"?>
<w:ftr xmlns:w14="http://schemas.microsoft.com/office/word/2010/wordml" xmlns:w="http://schemas.openxmlformats.org/wordprocessingml/2006/main">
  <w:tbl>
    <w:tblPr>
      <w:tblStyle w:val="TableNormal"/>
      <w:bidiVisual w:val="0"/>
      <w:tblW w:w="0" w:type="auto"/>
      <w:tblLook w:val="06A0" w:firstRow="1" w:lastRow="0" w:firstColumn="1" w:lastColumn="0" w:noHBand="1" w:noVBand="1"/>
    </w:tblPr>
    <w:tblGrid>
      <w:gridCol w:w="4695"/>
      <w:gridCol w:w="4695"/>
      <w:gridCol w:w="4695"/>
    </w:tblGrid>
    <w:tr w:rsidR="1C358F33" w:rsidTr="1C358F33" w14:paraId="03BFD7D6">
      <w:trPr>
        <w:trHeight w:val="300"/>
      </w:trPr>
      <w:tc>
        <w:tcPr>
          <w:tcW w:w="4695" w:type="dxa"/>
          <w:tcMar/>
        </w:tcPr>
        <w:p w:rsidR="1C358F33" w:rsidP="1C358F33" w:rsidRDefault="1C358F33" w14:paraId="12CC0FFB" w14:textId="37433BD3">
          <w:pPr>
            <w:pStyle w:val="Header"/>
            <w:bidi w:val="0"/>
            <w:ind w:left="-115"/>
            <w:jc w:val="left"/>
          </w:pPr>
        </w:p>
      </w:tc>
      <w:tc>
        <w:tcPr>
          <w:tcW w:w="4695" w:type="dxa"/>
          <w:tcMar/>
        </w:tcPr>
        <w:p w:rsidR="1C358F33" w:rsidP="1C358F33" w:rsidRDefault="1C358F33" w14:paraId="4BAA0ADB" w14:textId="0A7E9525">
          <w:pPr>
            <w:pStyle w:val="Header"/>
            <w:bidi w:val="0"/>
            <w:jc w:val="center"/>
          </w:pPr>
        </w:p>
      </w:tc>
      <w:tc>
        <w:tcPr>
          <w:tcW w:w="4695" w:type="dxa"/>
          <w:tcMar/>
        </w:tcPr>
        <w:p w:rsidR="1C358F33" w:rsidP="1C358F33" w:rsidRDefault="1C358F33" w14:paraId="4144BDF2" w14:textId="7ACB1123">
          <w:pPr>
            <w:pStyle w:val="Header"/>
            <w:bidi w:val="0"/>
            <w:ind w:right="-115"/>
            <w:jc w:val="right"/>
          </w:pPr>
        </w:p>
      </w:tc>
    </w:tr>
  </w:tbl>
  <w:p w:rsidR="1C358F33" w:rsidP="1C358F33" w:rsidRDefault="1C358F33" w14:paraId="34254E62" w14:textId="0F51074D">
    <w:pPr>
      <w:pStyle w:val="Footer"/>
      <w:bidi w:val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790AAF" w:rsidRDefault="00790AAF" w14:paraId="49BA9641" w14:textId="77777777">
      <w:r>
        <w:separator/>
      </w:r>
    </w:p>
  </w:footnote>
  <w:footnote w:type="continuationSeparator" w:id="0">
    <w:p w:rsidR="00790AAF" w:rsidRDefault="00790AAF" w14:paraId="5A5F9BCB" w14:textId="77777777">
      <w:r>
        <w:continuationSeparator/>
      </w:r>
    </w:p>
  </w:footnote>
</w:footnotes>
</file>

<file path=word/header.xml><?xml version="1.0" encoding="utf-8"?>
<w:hdr xmlns:w14="http://schemas.microsoft.com/office/word/2010/wordml" xmlns:w="http://schemas.openxmlformats.org/wordprocessingml/2006/main">
  <w:tbl>
    <w:tblPr>
      <w:tblStyle w:val="TableNormal"/>
      <w:bidiVisual w:val="0"/>
      <w:tblW w:w="0" w:type="auto"/>
      <w:tblLook w:val="06A0" w:firstRow="1" w:lastRow="0" w:firstColumn="1" w:lastColumn="0" w:noHBand="1" w:noVBand="1"/>
    </w:tblPr>
    <w:tblGrid>
      <w:gridCol w:w="4695"/>
      <w:gridCol w:w="4695"/>
      <w:gridCol w:w="4695"/>
    </w:tblGrid>
    <w:tr w:rsidR="1C358F33" w:rsidTr="1C358F33" w14:paraId="55CB4AA4">
      <w:trPr>
        <w:trHeight w:val="300"/>
      </w:trPr>
      <w:tc>
        <w:tcPr>
          <w:tcW w:w="4695" w:type="dxa"/>
          <w:tcMar/>
        </w:tcPr>
        <w:p w:rsidR="1C358F33" w:rsidP="1C358F33" w:rsidRDefault="1C358F33" w14:paraId="3F2EE0A8" w14:textId="78CBA2DE">
          <w:pPr>
            <w:pStyle w:val="Header"/>
            <w:bidi w:val="0"/>
            <w:ind w:left="-115"/>
            <w:jc w:val="left"/>
          </w:pPr>
        </w:p>
      </w:tc>
      <w:tc>
        <w:tcPr>
          <w:tcW w:w="4695" w:type="dxa"/>
          <w:tcMar/>
        </w:tcPr>
        <w:p w:rsidR="1C358F33" w:rsidP="1C358F33" w:rsidRDefault="1C358F33" w14:paraId="23980BF1" w14:textId="5914B866">
          <w:pPr>
            <w:pStyle w:val="Header"/>
            <w:bidi w:val="0"/>
            <w:jc w:val="center"/>
          </w:pPr>
        </w:p>
      </w:tc>
      <w:tc>
        <w:tcPr>
          <w:tcW w:w="4695" w:type="dxa"/>
          <w:tcMar/>
        </w:tcPr>
        <w:p w:rsidR="1C358F33" w:rsidP="1C358F33" w:rsidRDefault="1C358F33" w14:paraId="52EFC7B6" w14:textId="0BD0DE6D">
          <w:pPr>
            <w:pStyle w:val="Header"/>
            <w:bidi w:val="0"/>
            <w:ind w:right="-115"/>
            <w:jc w:val="right"/>
          </w:pPr>
        </w:p>
      </w:tc>
    </w:tr>
  </w:tbl>
  <w:p w:rsidR="1C358F33" w:rsidP="1C358F33" w:rsidRDefault="1C358F33" w14:paraId="639E52C9" w14:textId="0B9DBF89">
    <w:pPr>
      <w:pStyle w:val="Header"/>
      <w:bidi w:val="0"/>
    </w:pPr>
  </w:p>
</w:hdr>
</file>

<file path=word/header2.xml><?xml version="1.0" encoding="utf-8"?>
<w:hdr xmlns:w14="http://schemas.microsoft.com/office/word/2010/wordml" xmlns:w="http://schemas.openxmlformats.org/wordprocessingml/2006/main">
  <w:tbl>
    <w:tblPr>
      <w:tblStyle w:val="TableNormal"/>
      <w:bidiVisual w:val="0"/>
      <w:tblW w:w="0" w:type="auto"/>
      <w:tblLook w:val="06A0" w:firstRow="1" w:lastRow="0" w:firstColumn="1" w:lastColumn="0" w:noHBand="1" w:noVBand="1"/>
    </w:tblPr>
    <w:tblGrid>
      <w:gridCol w:w="4695"/>
      <w:gridCol w:w="4695"/>
      <w:gridCol w:w="4695"/>
    </w:tblGrid>
    <w:tr w:rsidR="1C358F33" w:rsidTr="1C358F33" w14:paraId="34A664BF">
      <w:trPr>
        <w:trHeight w:val="300"/>
      </w:trPr>
      <w:tc>
        <w:tcPr>
          <w:tcW w:w="4695" w:type="dxa"/>
          <w:tcMar/>
        </w:tcPr>
        <w:p w:rsidR="1C358F33" w:rsidP="1C358F33" w:rsidRDefault="1C358F33" w14:paraId="1464FC80" w14:textId="558E0212">
          <w:pPr>
            <w:pStyle w:val="Header"/>
            <w:bidi w:val="0"/>
            <w:ind w:left="-115"/>
            <w:jc w:val="left"/>
          </w:pPr>
        </w:p>
      </w:tc>
      <w:tc>
        <w:tcPr>
          <w:tcW w:w="4695" w:type="dxa"/>
          <w:tcMar/>
        </w:tcPr>
        <w:p w:rsidR="1C358F33" w:rsidP="1C358F33" w:rsidRDefault="1C358F33" w14:paraId="3982198D" w14:textId="3FACD940">
          <w:pPr>
            <w:pStyle w:val="Header"/>
            <w:bidi w:val="0"/>
            <w:jc w:val="center"/>
          </w:pPr>
        </w:p>
      </w:tc>
      <w:tc>
        <w:tcPr>
          <w:tcW w:w="4695" w:type="dxa"/>
          <w:tcMar/>
        </w:tcPr>
        <w:p w:rsidR="1C358F33" w:rsidP="1C358F33" w:rsidRDefault="1C358F33" w14:paraId="295B6FF3" w14:textId="3DC9BAF0">
          <w:pPr>
            <w:pStyle w:val="Header"/>
            <w:bidi w:val="0"/>
            <w:ind w:right="-115"/>
            <w:jc w:val="right"/>
          </w:pPr>
        </w:p>
      </w:tc>
    </w:tr>
  </w:tbl>
  <w:p w:rsidR="1C358F33" w:rsidP="1C358F33" w:rsidRDefault="1C358F33" w14:paraId="6E882811" w14:textId="143038D7">
    <w:pPr>
      <w:pStyle w:val="Header"/>
      <w:bidi w:val="0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70029B7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DCE372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03982D0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A9A13D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D3A660A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hint="default" w:ascii="Symbol" w:hAnsi="Symbol"/>
      </w:rPr>
    </w:lvl>
  </w:abstractNum>
  <w:abstractNum w:abstractNumId="5" w15:restartNumberingAfterBreak="0">
    <w:nsid w:val="FFFFFF81"/>
    <w:multiLevelType w:val="singleLevel"/>
    <w:tmpl w:val="4B2EAEB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hint="default" w:ascii="Symbol" w:hAnsi="Symbol"/>
      </w:rPr>
    </w:lvl>
  </w:abstractNum>
  <w:abstractNum w:abstractNumId="6" w15:restartNumberingAfterBreak="0">
    <w:nsid w:val="FFFFFF82"/>
    <w:multiLevelType w:val="singleLevel"/>
    <w:tmpl w:val="1428AA20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hint="default" w:ascii="Symbol" w:hAnsi="Symbol"/>
      </w:rPr>
    </w:lvl>
  </w:abstractNum>
  <w:abstractNum w:abstractNumId="7" w15:restartNumberingAfterBreak="0">
    <w:nsid w:val="FFFFFF83"/>
    <w:multiLevelType w:val="singleLevel"/>
    <w:tmpl w:val="4DEA9302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hint="default" w:ascii="Symbol" w:hAnsi="Symbol"/>
      </w:rPr>
    </w:lvl>
  </w:abstractNum>
  <w:abstractNum w:abstractNumId="8" w15:restartNumberingAfterBreak="0">
    <w:nsid w:val="FFFFFF88"/>
    <w:multiLevelType w:val="singleLevel"/>
    <w:tmpl w:val="9C0289A8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B01498E2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hint="default" w:ascii="Symbol" w:hAnsi="Symbol"/>
      </w:rPr>
    </w:lvl>
  </w:abstractNum>
  <w:abstractNum w:abstractNumId="10" w15:restartNumberingAfterBreak="0">
    <w:nsid w:val="098A3750"/>
    <w:multiLevelType w:val="hybridMultilevel"/>
    <w:tmpl w:val="0A32823E"/>
    <w:lvl w:ilvl="0" w:tplc="81FE5CEA">
      <w:start w:val="4"/>
      <w:numFmt w:val="bullet"/>
      <w:lvlText w:val=""/>
      <w:lvlJc w:val="left"/>
      <w:pPr>
        <w:ind w:left="720" w:hanging="360"/>
      </w:pPr>
      <w:rPr>
        <w:rFonts w:hint="default" w:ascii="Symbol" w:hAnsi="Symbol" w:eastAsia="MS Mincho" w:cs="Arial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num w:numId="1">
    <w:abstractNumId w:val="9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8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10"/>
  </w:num>
</w:numbering>
</file>

<file path=word/settings.xml><?xml version="1.0" encoding="utf-8"?>
<w:settings xmlns:wp14="http://schemas.microsoft.com/office/word/2010/wordprocessingDrawing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 wp14">
  <w:zoom w:percent="140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trackRevisions w:val="false"/>
  <w:defaultTabStop w:val="708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252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docVars>
    <w:docVar w:name="Aanhef" w:val="Beste,"/>
    <w:docVar w:name="Adres" w:val="asddfas"/>
    <w:docVar w:name="AlwaysInsertDivision" w:val="No"/>
    <w:docVar w:name="Betreft" w:val="sdfdsf"/>
    <w:docVar w:name="Bijlage" w:val="sdf"/>
    <w:docVar w:name="CC" w:val="sdfsdf"/>
    <w:docVar w:name="CorsaGebruiken" w:val="-1"/>
    <w:docVar w:name="Datum" w:val="44355,6683781597"/>
    <w:docVar w:name="DatumDMS" w:val="08-06-2021"/>
    <w:docVar w:name="DubbeleOndertek" w:val="0"/>
    <w:docVar w:name="DynamicLogoEnabled" w:val="Yes"/>
    <w:docVar w:name="Groetregel" w:val="Met vriendelijke groet,"/>
    <w:docVar w:name="HasOnskenmerk" w:val="JA"/>
    <w:docVar w:name="InsertDivisionLarge" w:val="No"/>
    <w:docVar w:name="MD_CreationDocumentClientVersion" w:val="3.15.9.592"/>
    <w:docVar w:name="MD_CreationProjectVersion" w:val="5.1.1012 Final"/>
    <w:docVar w:name="MD_CreationWindowsLanguage" w:val="1043"/>
    <w:docVar w:name="MD_CreationWindowsVersion" w:val="10.0.19041 "/>
    <w:docVar w:name="MD_CreationWordLanguage" w:val="2057"/>
    <w:docVar w:name="MD_CreationWordVersion" w:val="16.0"/>
    <w:docVar w:name="MD_DocumentLanguage" w:val="1043"/>
    <w:docVar w:name="MD_LastModifiedDocumentClientVersion" w:val="3.15.9.592"/>
    <w:docVar w:name="MD_LastModifiedProjectVersion" w:val="5.1.1012 Final"/>
    <w:docVar w:name="MD_LastModifiedWindowsLanguage" w:val="1043"/>
    <w:docVar w:name="MD_LastModifiedWindowsVersion" w:val="10.0.19041 "/>
    <w:docVar w:name="MD_LastModifiedWordLanguage" w:val="2057"/>
    <w:docVar w:name="MD_LastModifiedWordVersion" w:val="16.0"/>
    <w:docVar w:name="MD_PapertypeIsPrePrint" w:val="Y"/>
    <w:docVar w:name="MD_Projectname" w:val="Erasmus MC"/>
    <w:docVar w:name="MD_SystemID" w:val="{ED23229B-B96A-440D-BBDC-D0BDEC675431}"/>
    <w:docVar w:name="MD_TemplateName" w:val="Brief"/>
    <w:docVar w:name="Ondertek2Formeel" w:val="Ja"/>
    <w:docVar w:name="OndertekFormeel" w:val="Nee"/>
    <w:docVar w:name="Ondertekfunctie" w:val="eFunctieNL"/>
    <w:docVar w:name="Ondertekfunctie2" w:val="eFunctieNL"/>
    <w:docVar w:name="Onderteknaam" w:val="eVolledigeNaamNL"/>
    <w:docVar w:name="Onderteknaam2" w:val="eVolledigeNaamNL"/>
    <w:docVar w:name="ReuseAvailable" w:val="Yes"/>
    <w:docVar w:name="ReuseVersion" w:val="1"/>
    <w:docVar w:name="Uwkenmerk" w:val="sdf"/>
  </w:docVars>
  <w:rsids>
    <w:rsidRoot w:val="00723765"/>
    <w:rsid w:val="0002261E"/>
    <w:rsid w:val="000240F1"/>
    <w:rsid w:val="00025A80"/>
    <w:rsid w:val="00082707"/>
    <w:rsid w:val="000859B0"/>
    <w:rsid w:val="000A37C2"/>
    <w:rsid w:val="000D3690"/>
    <w:rsid w:val="000D7D17"/>
    <w:rsid w:val="0013696D"/>
    <w:rsid w:val="00140550"/>
    <w:rsid w:val="00162E5C"/>
    <w:rsid w:val="00170799"/>
    <w:rsid w:val="00180397"/>
    <w:rsid w:val="001868E7"/>
    <w:rsid w:val="001A09C2"/>
    <w:rsid w:val="001A0E48"/>
    <w:rsid w:val="001A41E6"/>
    <w:rsid w:val="001D64FE"/>
    <w:rsid w:val="001F2B3A"/>
    <w:rsid w:val="002562D0"/>
    <w:rsid w:val="00261747"/>
    <w:rsid w:val="00265C52"/>
    <w:rsid w:val="00283F59"/>
    <w:rsid w:val="002E787C"/>
    <w:rsid w:val="003054B3"/>
    <w:rsid w:val="00346EE0"/>
    <w:rsid w:val="00367389"/>
    <w:rsid w:val="00370C9A"/>
    <w:rsid w:val="003854BF"/>
    <w:rsid w:val="003938E1"/>
    <w:rsid w:val="003A07C5"/>
    <w:rsid w:val="003B71FB"/>
    <w:rsid w:val="004231AF"/>
    <w:rsid w:val="00432ECE"/>
    <w:rsid w:val="004660D9"/>
    <w:rsid w:val="00473F3F"/>
    <w:rsid w:val="0054475D"/>
    <w:rsid w:val="00545E75"/>
    <w:rsid w:val="005A4723"/>
    <w:rsid w:val="005E186D"/>
    <w:rsid w:val="005E6D88"/>
    <w:rsid w:val="0064553C"/>
    <w:rsid w:val="0069070E"/>
    <w:rsid w:val="006B55B9"/>
    <w:rsid w:val="0070620E"/>
    <w:rsid w:val="00723765"/>
    <w:rsid w:val="007825FE"/>
    <w:rsid w:val="00790AAF"/>
    <w:rsid w:val="007A4297"/>
    <w:rsid w:val="007C4D38"/>
    <w:rsid w:val="007E12DF"/>
    <w:rsid w:val="007F37E9"/>
    <w:rsid w:val="00822D9F"/>
    <w:rsid w:val="00842EE4"/>
    <w:rsid w:val="008B6543"/>
    <w:rsid w:val="008D44A7"/>
    <w:rsid w:val="008E594B"/>
    <w:rsid w:val="00914923"/>
    <w:rsid w:val="0092004A"/>
    <w:rsid w:val="009223DA"/>
    <w:rsid w:val="00935D1C"/>
    <w:rsid w:val="0098355B"/>
    <w:rsid w:val="009C7523"/>
    <w:rsid w:val="00A36EF6"/>
    <w:rsid w:val="00A42D5C"/>
    <w:rsid w:val="00A53F1C"/>
    <w:rsid w:val="00A55DEC"/>
    <w:rsid w:val="00A56A8E"/>
    <w:rsid w:val="00AD0EBC"/>
    <w:rsid w:val="00AD395C"/>
    <w:rsid w:val="00AE1C9C"/>
    <w:rsid w:val="00AF411C"/>
    <w:rsid w:val="00B06892"/>
    <w:rsid w:val="00B40DD5"/>
    <w:rsid w:val="00B866DF"/>
    <w:rsid w:val="00C066EE"/>
    <w:rsid w:val="00C13203"/>
    <w:rsid w:val="00C4096C"/>
    <w:rsid w:val="00C444AC"/>
    <w:rsid w:val="00C84676"/>
    <w:rsid w:val="00D06B32"/>
    <w:rsid w:val="00D237F5"/>
    <w:rsid w:val="00D33C26"/>
    <w:rsid w:val="00D42D28"/>
    <w:rsid w:val="00D63BC8"/>
    <w:rsid w:val="00D83F21"/>
    <w:rsid w:val="00DA26D8"/>
    <w:rsid w:val="00DA2DCC"/>
    <w:rsid w:val="00DA3000"/>
    <w:rsid w:val="00E21D67"/>
    <w:rsid w:val="00E52D8A"/>
    <w:rsid w:val="00E53D09"/>
    <w:rsid w:val="00EA67C4"/>
    <w:rsid w:val="00EC69FA"/>
    <w:rsid w:val="00EC7298"/>
    <w:rsid w:val="00F349EE"/>
    <w:rsid w:val="00FF2D25"/>
    <w:rsid w:val="014F5F7F"/>
    <w:rsid w:val="02F845C1"/>
    <w:rsid w:val="04789672"/>
    <w:rsid w:val="057807A5"/>
    <w:rsid w:val="0C75C53F"/>
    <w:rsid w:val="109B7219"/>
    <w:rsid w:val="10D55186"/>
    <w:rsid w:val="1175BAE2"/>
    <w:rsid w:val="15D510DB"/>
    <w:rsid w:val="170F3EB7"/>
    <w:rsid w:val="1B47D3CC"/>
    <w:rsid w:val="1B4EA9C5"/>
    <w:rsid w:val="1BCBAFDE"/>
    <w:rsid w:val="1C358F33"/>
    <w:rsid w:val="1D18854B"/>
    <w:rsid w:val="20333656"/>
    <w:rsid w:val="239F6264"/>
    <w:rsid w:val="24C4927A"/>
    <w:rsid w:val="25483E66"/>
    <w:rsid w:val="2A156138"/>
    <w:rsid w:val="2A391943"/>
    <w:rsid w:val="2BE339E2"/>
    <w:rsid w:val="2C6D8010"/>
    <w:rsid w:val="30230983"/>
    <w:rsid w:val="30CCF417"/>
    <w:rsid w:val="317D88AC"/>
    <w:rsid w:val="33F2C236"/>
    <w:rsid w:val="3530FDD0"/>
    <w:rsid w:val="35FAEAB4"/>
    <w:rsid w:val="41055F1F"/>
    <w:rsid w:val="43B8A2DC"/>
    <w:rsid w:val="44A8227A"/>
    <w:rsid w:val="4982289D"/>
    <w:rsid w:val="49B9DD59"/>
    <w:rsid w:val="4A695733"/>
    <w:rsid w:val="4ACF5FBF"/>
    <w:rsid w:val="4B9B5A80"/>
    <w:rsid w:val="4B9B5A80"/>
    <w:rsid w:val="4BCE34D6"/>
    <w:rsid w:val="5B5F423E"/>
    <w:rsid w:val="5E874569"/>
    <w:rsid w:val="5FBC66EA"/>
    <w:rsid w:val="618566EC"/>
    <w:rsid w:val="618566EC"/>
    <w:rsid w:val="659FD0D1"/>
    <w:rsid w:val="66C2D5F6"/>
    <w:rsid w:val="66F7A7E5"/>
    <w:rsid w:val="69F84438"/>
    <w:rsid w:val="6B6C5C6A"/>
    <w:rsid w:val="6C33F355"/>
    <w:rsid w:val="6C8974A5"/>
    <w:rsid w:val="6DA2BE76"/>
    <w:rsid w:val="6EC8AB90"/>
    <w:rsid w:val="70AD3B76"/>
    <w:rsid w:val="7398BBEF"/>
    <w:rsid w:val="77002EAB"/>
    <w:rsid w:val="78279686"/>
    <w:rsid w:val="79194F79"/>
    <w:rsid w:val="7B4E4960"/>
    <w:rsid w:val="7C6EAE54"/>
    <w:rsid w:val="7D24675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2529"/>
    <o:shapelayout v:ext="edit">
      <o:idmap v:ext="edit" data="1"/>
    </o:shapelayout>
  </w:shapeDefaults>
  <w:decimalSymbol w:val=","/>
  <w:listSeparator w:val=";"/>
  <w14:docId w14:val="6E7FECCD"/>
  <w15:docId w15:val="{5C645F94-7CC4-4B32-8CAF-9ACFE364FC03}"/>
</w:settings>
</file>

<file path=word/styles.xml><?xml version="1.0" encoding="utf-8"?>
<w:styles xmlns:wp14="http://schemas.microsoft.com/office/word/2010/wordprocessingDrawing"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 wp14">
  <w:docDefaults>
    <w:rPrDefault>
      <w:rPr>
        <w:rFonts w:ascii="Times New Roman" w:hAnsi="Times New Roman" w:eastAsia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1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uiPriority="99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macro" w:semiHidden="1" w:unhideWhenUsed="1"/>
    <w:lsdException w:name="toa heading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uiPriority="99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uiPriority="99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 w:semiHidden="1" w:unhideWhenUsed="1"/>
    <w:lsdException w:name="TOC Heading" w:uiPriority="39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styleId="Normal" w:default="1">
    <w:name w:val="Normal"/>
    <w:qFormat/>
    <w:pPr>
      <w:spacing w:line="284" w:lineRule="atLeast"/>
    </w:pPr>
    <w:rPr>
      <w:rFonts w:ascii="Arial" w:hAnsi="Arial"/>
      <w:sz w:val="19"/>
      <w:lang w:eastAsia="en-US"/>
    </w:rPr>
  </w:style>
  <w:style w:type="paragraph" w:styleId="Heading1">
    <w:name w:val="heading 1"/>
    <w:basedOn w:val="Normal"/>
    <w:next w:val="Normal"/>
    <w:qFormat/>
    <w:pPr>
      <w:keepNext/>
      <w:tabs>
        <w:tab w:val="left" w:pos="0"/>
      </w:tabs>
      <w:outlineLvl w:val="0"/>
    </w:pPr>
    <w:rPr>
      <w:b/>
    </w:rPr>
  </w:style>
  <w:style w:type="paragraph" w:styleId="Heading2">
    <w:name w:val="heading 2"/>
    <w:basedOn w:val="Normal"/>
    <w:next w:val="Normal"/>
    <w:qFormat/>
    <w:pPr>
      <w:keepNext/>
      <w:tabs>
        <w:tab w:val="left" w:pos="0"/>
      </w:tabs>
      <w:outlineLvl w:val="1"/>
    </w:pPr>
    <w:rPr>
      <w:b/>
    </w:rPr>
  </w:style>
  <w:style w:type="paragraph" w:styleId="Heading3">
    <w:name w:val="heading 3"/>
    <w:basedOn w:val="Normal"/>
    <w:next w:val="Normal"/>
    <w:qFormat/>
    <w:pPr>
      <w:keepNext/>
      <w:tabs>
        <w:tab w:val="left" w:pos="0"/>
      </w:tabs>
      <w:outlineLvl w:val="2"/>
    </w:pPr>
    <w:rPr>
      <w:i/>
    </w:rPr>
  </w:style>
  <w:style w:type="paragraph" w:styleId="Heading4">
    <w:name w:val="heading 4"/>
    <w:basedOn w:val="Normal"/>
    <w:next w:val="Normal"/>
    <w:qFormat/>
    <w:pPr>
      <w:keepNext/>
      <w:spacing w:before="240" w:after="60"/>
      <w:outlineLvl w:val="3"/>
    </w:pPr>
    <w:rPr>
      <w:rFonts w:ascii="Times New Roman" w:hAnsi="Times New Roman"/>
      <w:b/>
      <w:bCs/>
      <w:sz w:val="28"/>
      <w:szCs w:val="28"/>
    </w:rPr>
  </w:style>
  <w:style w:type="paragraph" w:styleId="Heading5">
    <w:name w:val="heading 5"/>
    <w:basedOn w:val="Normal"/>
    <w:next w:val="Normal"/>
    <w:qFormat/>
    <w:pPr>
      <w:spacing w:before="240" w:after="60"/>
      <w:outlineLvl w:val="4"/>
    </w:pPr>
    <w:rPr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qFormat/>
    <w:pPr>
      <w:spacing w:before="240" w:after="60"/>
      <w:outlineLvl w:val="5"/>
    </w:pPr>
    <w:rPr>
      <w:rFonts w:ascii="Times New Roman" w:hAnsi="Times New Roman"/>
      <w:b/>
      <w:bCs/>
      <w:sz w:val="22"/>
      <w:szCs w:val="22"/>
    </w:rPr>
  </w:style>
  <w:style w:type="paragraph" w:styleId="Heading7">
    <w:name w:val="heading 7"/>
    <w:basedOn w:val="Normal"/>
    <w:next w:val="Normal"/>
    <w:qFormat/>
    <w:pPr>
      <w:spacing w:before="240" w:after="60"/>
      <w:outlineLvl w:val="6"/>
    </w:pPr>
    <w:rPr>
      <w:rFonts w:ascii="Times New Roman" w:hAnsi="Times New Roman"/>
      <w:sz w:val="24"/>
      <w:szCs w:val="24"/>
    </w:rPr>
  </w:style>
  <w:style w:type="paragraph" w:styleId="Heading8">
    <w:name w:val="heading 8"/>
    <w:basedOn w:val="Normal"/>
    <w:next w:val="Normal"/>
    <w:qFormat/>
    <w:pPr>
      <w:spacing w:before="240" w:after="60"/>
      <w:outlineLvl w:val="7"/>
    </w:pPr>
    <w:rPr>
      <w:rFonts w:ascii="Times New Roman" w:hAnsi="Times New Roman"/>
      <w:i/>
      <w:iCs/>
      <w:sz w:val="24"/>
      <w:szCs w:val="24"/>
    </w:rPr>
  </w:style>
  <w:style w:type="paragraph" w:styleId="Heading9">
    <w:name w:val="heading 9"/>
    <w:basedOn w:val="Normal"/>
    <w:next w:val="Normal"/>
    <w:qFormat/>
    <w:pPr>
      <w:spacing w:before="240" w:after="60"/>
      <w:outlineLvl w:val="8"/>
    </w:pPr>
    <w:rPr>
      <w:rFonts w:cs="Arial"/>
      <w:sz w:val="22"/>
      <w:szCs w:val="22"/>
    </w:rPr>
  </w:style>
  <w:style w:type="character" w:styleId="DefaultParagraphFont" w:default="1">
    <w:name w:val="Default Paragraph Font"/>
    <w:uiPriority w:val="1"/>
    <w:semiHidden/>
    <w:unhideWhenUsed/>
  </w:style>
  <w:style w:type="table" w:styleId="TableNorma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NoList" w:default="1">
    <w:name w:val="No List"/>
    <w:uiPriority w:val="99"/>
    <w:semiHidden/>
    <w:unhideWhenUsed/>
  </w:style>
  <w:style w:type="paragraph" w:styleId="Header">
    <w:name w:val="header"/>
    <w:basedOn w:val="Normal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pPr>
      <w:tabs>
        <w:tab w:val="center" w:pos="4536"/>
        <w:tab w:val="right" w:pos="9072"/>
      </w:tabs>
    </w:pPr>
  </w:style>
  <w:style w:type="paragraph" w:styleId="BodyText">
    <w:name w:val="Body Text"/>
    <w:basedOn w:val="Normal"/>
    <w:pPr>
      <w:framePr w:h="10490" w:hSpace="142" w:wrap="around" w:hAnchor="page" w:vAnchor="page" w:x="9609" w:y="5473" w:hRule="exact"/>
    </w:pPr>
    <w:rPr>
      <w:sz w:val="15"/>
    </w:rPr>
  </w:style>
  <w:style w:type="paragraph" w:styleId="ErasmusStandaard" w:customStyle="1">
    <w:name w:val="Erasmus_Standaard"/>
    <w:basedOn w:val="Normal"/>
  </w:style>
  <w:style w:type="paragraph" w:styleId="ErasmusKopjesSmal" w:customStyle="1">
    <w:name w:val="Erasmus_KopjesSmal"/>
    <w:basedOn w:val="ErasmusStandaard"/>
    <w:rPr>
      <w:rFonts w:ascii="Arial Narrow" w:hAnsi="Arial Narrow"/>
      <w:b/>
      <w:sz w:val="15"/>
    </w:rPr>
  </w:style>
  <w:style w:type="paragraph" w:styleId="ErasmustitelVolg" w:customStyle="1">
    <w:name w:val="Erasmus_titelVolg"/>
    <w:basedOn w:val="Header"/>
    <w:pPr>
      <w:widowControl w:val="0"/>
      <w:spacing w:line="280" w:lineRule="atLeast"/>
    </w:pPr>
    <w:rPr>
      <w:rFonts w:ascii="Arial Narrow" w:hAnsi="Arial Narrow"/>
      <w:sz w:val="15"/>
    </w:rPr>
  </w:style>
  <w:style w:type="paragraph" w:styleId="ErasmusKopjeskop" w:customStyle="1">
    <w:name w:val="Erasmus_Kopjeskop"/>
    <w:rPr>
      <w:rFonts w:ascii="Arial" w:hAnsi="Arial"/>
      <w:noProof/>
      <w:spacing w:val="-6"/>
      <w:sz w:val="15"/>
      <w:lang w:eastAsia="en-US"/>
    </w:rPr>
  </w:style>
  <w:style w:type="paragraph" w:styleId="ErasmusSubafdeling" w:customStyle="1">
    <w:name w:val="Erasmus_Subafdeling"/>
    <w:basedOn w:val="ErasmusAfdeling"/>
    <w:pPr>
      <w:framePr w:wrap="around"/>
    </w:pPr>
    <w:rPr>
      <w:b w:val="0"/>
    </w:rPr>
  </w:style>
  <w:style w:type="paragraph" w:styleId="Erasmusvestiging" w:customStyle="1">
    <w:name w:val="Erasmus_vestiging"/>
    <w:basedOn w:val="Heading3"/>
    <w:pPr>
      <w:framePr w:hSpace="142" w:wrap="around" w:hAnchor="page" w:vAnchor="page" w:x="8563" w:y="625"/>
    </w:pPr>
    <w:rPr>
      <w:b/>
      <w:sz w:val="20"/>
    </w:rPr>
  </w:style>
  <w:style w:type="paragraph" w:styleId="ErasmusOnderdeel" w:customStyle="1">
    <w:name w:val="Erasmus_Onderdeel"/>
    <w:basedOn w:val="Header"/>
    <w:pPr>
      <w:framePr w:wrap="around" w:hAnchor="page" w:vAnchor="page" w:x="8563" w:y="681"/>
      <w:spacing w:line="210" w:lineRule="exact"/>
    </w:pPr>
    <w:rPr>
      <w:b/>
      <w:sz w:val="20"/>
    </w:rPr>
  </w:style>
  <w:style w:type="paragraph" w:styleId="Erasmusright" w:customStyle="1">
    <w:name w:val="Erasmus_right"/>
    <w:basedOn w:val="Normal"/>
    <w:pPr>
      <w:framePr w:w="2013" w:h="10433" w:hSpace="142" w:wrap="around" w:hAnchor="page" w:vAnchor="page" w:x="9612" w:y="5501" w:hRule="exact"/>
      <w:spacing w:line="210" w:lineRule="atLeast"/>
    </w:pPr>
    <w:rPr>
      <w:b/>
      <w:spacing w:val="-6"/>
      <w:sz w:val="15"/>
    </w:rPr>
  </w:style>
  <w:style w:type="paragraph" w:styleId="Erasmusemail" w:customStyle="1">
    <w:name w:val="Erasmus_email"/>
    <w:pPr>
      <w:framePr w:wrap="auto" w:hAnchor="text" w:x="9612" w:y="15985"/>
      <w:spacing w:line="210" w:lineRule="exact"/>
    </w:pPr>
    <w:rPr>
      <w:rFonts w:ascii="Arial" w:hAnsi="Arial"/>
      <w:noProof/>
      <w:sz w:val="15"/>
      <w:lang w:eastAsia="en-US"/>
    </w:rPr>
  </w:style>
  <w:style w:type="paragraph" w:styleId="BlockText">
    <w:name w:val="Block Text"/>
    <w:basedOn w:val="Normal"/>
    <w:pPr>
      <w:spacing w:after="120"/>
      <w:ind w:left="1440" w:right="1440"/>
    </w:pPr>
  </w:style>
  <w:style w:type="paragraph" w:styleId="ErasmusAfdeling" w:customStyle="1">
    <w:name w:val="Erasmus_Afdeling"/>
    <w:basedOn w:val="ErasmusOnderdeel"/>
    <w:pPr>
      <w:framePr w:wrap="around"/>
    </w:pPr>
    <w:rPr>
      <w:rFonts w:ascii="Arial Narrow" w:hAnsi="Arial Narrow"/>
      <w:sz w:val="15"/>
    </w:rPr>
  </w:style>
  <w:style w:type="character" w:styleId="ErasmusDatumStijl" w:customStyle="1">
    <w:name w:val="Erasmus_DatumStijl"/>
    <w:basedOn w:val="DefaultParagraphFont"/>
    <w:rPr>
      <w:sz w:val="15"/>
    </w:rPr>
  </w:style>
  <w:style w:type="character" w:styleId="ErasmusOnsKenmerkStijl" w:customStyle="1">
    <w:name w:val="Erasmus_OnsKenmerkStijl"/>
    <w:basedOn w:val="DefaultParagraphFont"/>
    <w:rPr>
      <w:sz w:val="15"/>
    </w:rPr>
  </w:style>
  <w:style w:type="paragraph" w:styleId="BodyText2">
    <w:name w:val="Body Text 2"/>
    <w:basedOn w:val="Normal"/>
    <w:pPr>
      <w:spacing w:after="120" w:line="480" w:lineRule="auto"/>
    </w:pPr>
  </w:style>
  <w:style w:type="paragraph" w:styleId="BodyText3">
    <w:name w:val="Body Text 3"/>
    <w:basedOn w:val="Normal"/>
    <w:pPr>
      <w:spacing w:after="120"/>
    </w:pPr>
    <w:rPr>
      <w:sz w:val="16"/>
      <w:szCs w:val="16"/>
    </w:rPr>
  </w:style>
  <w:style w:type="paragraph" w:styleId="BodyTextFirstIndent">
    <w:name w:val="Body Text First Indent"/>
    <w:basedOn w:val="BodyText"/>
    <w:pPr>
      <w:framePr w:hSpace="0" w:wrap="auto" w:hAnchor="text" w:vAnchor="margin" w:xAlign="left" w:yAlign="inline" w:hRule="auto"/>
      <w:spacing w:after="120"/>
      <w:ind w:firstLine="210"/>
    </w:pPr>
    <w:rPr>
      <w:sz w:val="19"/>
    </w:rPr>
  </w:style>
  <w:style w:type="paragraph" w:styleId="BodyTextIndent">
    <w:name w:val="Body Text Indent"/>
    <w:basedOn w:val="Normal"/>
    <w:pPr>
      <w:spacing w:after="120"/>
      <w:ind w:left="283"/>
    </w:pPr>
  </w:style>
  <w:style w:type="paragraph" w:styleId="BodyTextFirstIndent2">
    <w:name w:val="Body Text First Indent 2"/>
    <w:basedOn w:val="BodyTextIndent"/>
    <w:pPr>
      <w:ind w:firstLine="210"/>
    </w:pPr>
  </w:style>
  <w:style w:type="paragraph" w:styleId="BodyTextIndent2">
    <w:name w:val="Body Text Indent 2"/>
    <w:basedOn w:val="Normal"/>
    <w:pPr>
      <w:spacing w:after="120" w:line="480" w:lineRule="auto"/>
      <w:ind w:left="283"/>
    </w:pPr>
  </w:style>
  <w:style w:type="paragraph" w:styleId="BodyTextIndent3">
    <w:name w:val="Body Text Indent 3"/>
    <w:basedOn w:val="Normal"/>
    <w:pPr>
      <w:spacing w:after="120"/>
      <w:ind w:left="283"/>
    </w:pPr>
    <w:rPr>
      <w:sz w:val="16"/>
      <w:szCs w:val="16"/>
    </w:rPr>
  </w:style>
  <w:style w:type="paragraph" w:styleId="Caption">
    <w:name w:val="caption"/>
    <w:basedOn w:val="Normal"/>
    <w:next w:val="Normal"/>
    <w:qFormat/>
    <w:pPr>
      <w:spacing w:before="120" w:after="120"/>
    </w:pPr>
    <w:rPr>
      <w:b/>
      <w:bCs/>
      <w:sz w:val="20"/>
    </w:rPr>
  </w:style>
  <w:style w:type="paragraph" w:styleId="Closing">
    <w:name w:val="Closing"/>
    <w:basedOn w:val="Normal"/>
    <w:pPr>
      <w:ind w:left="4252"/>
    </w:pPr>
  </w:style>
  <w:style w:type="character" w:styleId="CommentReference">
    <w:name w:val="annotation reference"/>
    <w:basedOn w:val="DefaultParagraphFont"/>
    <w:uiPriority w:val="99"/>
    <w:semiHidden/>
    <w:rPr>
      <w:sz w:val="16"/>
      <w:szCs w:val="16"/>
    </w:rPr>
  </w:style>
  <w:style w:type="paragraph" w:styleId="CommentText">
    <w:name w:val="annotation text"/>
    <w:basedOn w:val="Normal"/>
    <w:semiHidden/>
    <w:rPr>
      <w:sz w:val="20"/>
    </w:rPr>
  </w:style>
  <w:style w:type="paragraph" w:styleId="Date">
    <w:name w:val="Date"/>
    <w:basedOn w:val="Normal"/>
    <w:next w:val="Normal"/>
  </w:style>
  <w:style w:type="paragraph" w:styleId="DocumentMap">
    <w:name w:val="Document Map"/>
    <w:basedOn w:val="Normal"/>
    <w:semiHidden/>
    <w:pPr>
      <w:shd w:val="clear" w:color="auto" w:fill="000080"/>
    </w:pPr>
    <w:rPr>
      <w:rFonts w:ascii="Tahoma" w:hAnsi="Tahoma" w:cs="Tahoma"/>
    </w:rPr>
  </w:style>
  <w:style w:type="paragraph" w:styleId="E-mailSignature">
    <w:name w:val="E-mail Signature"/>
    <w:basedOn w:val="Normal"/>
  </w:style>
  <w:style w:type="character" w:styleId="Emphasis">
    <w:name w:val="Emphasis"/>
    <w:basedOn w:val="DefaultParagraphFont"/>
    <w:qFormat/>
    <w:rPr>
      <w:i/>
      <w:iCs/>
    </w:rPr>
  </w:style>
  <w:style w:type="character" w:styleId="EndnoteReference">
    <w:name w:val="endnote reference"/>
    <w:basedOn w:val="DefaultParagraphFont"/>
    <w:semiHidden/>
    <w:rPr>
      <w:vertAlign w:val="superscript"/>
    </w:rPr>
  </w:style>
  <w:style w:type="paragraph" w:styleId="EndnoteText">
    <w:name w:val="endnote text"/>
    <w:basedOn w:val="Normal"/>
    <w:semiHidden/>
    <w:rPr>
      <w:sz w:val="20"/>
    </w:rPr>
  </w:style>
  <w:style w:type="paragraph" w:styleId="EnvelopeAddress">
    <w:name w:val="envelope address"/>
    <w:basedOn w:val="Normal"/>
    <w:pPr>
      <w:framePr w:w="7920" w:h="1980" w:hSpace="180" w:wrap="auto" w:hAnchor="page" w:xAlign="center" w:yAlign="bottom" w:hRule="exact"/>
      <w:ind w:left="2880"/>
    </w:pPr>
    <w:rPr>
      <w:rFonts w:cs="Arial"/>
      <w:sz w:val="24"/>
      <w:szCs w:val="24"/>
    </w:rPr>
  </w:style>
  <w:style w:type="paragraph" w:styleId="EnvelopeReturn">
    <w:name w:val="envelope return"/>
    <w:basedOn w:val="Normal"/>
    <w:rPr>
      <w:rFonts w:cs="Arial"/>
      <w:sz w:val="20"/>
    </w:rPr>
  </w:style>
  <w:style w:type="character" w:styleId="FollowedHyperlink">
    <w:name w:val="FollowedHyperlink"/>
    <w:basedOn w:val="DefaultParagraphFont"/>
    <w:rPr>
      <w:color w:val="800080"/>
      <w:u w:val="single"/>
    </w:rPr>
  </w:style>
  <w:style w:type="character" w:styleId="FootnoteReference">
    <w:name w:val="footnote reference"/>
    <w:basedOn w:val="DefaultParagraphFont"/>
    <w:semiHidden/>
    <w:rPr>
      <w:vertAlign w:val="superscript"/>
    </w:rPr>
  </w:style>
  <w:style w:type="paragraph" w:styleId="FootnoteText">
    <w:name w:val="footnote text"/>
    <w:basedOn w:val="Normal"/>
    <w:semiHidden/>
    <w:rPr>
      <w:sz w:val="20"/>
    </w:rPr>
  </w:style>
  <w:style w:type="character" w:styleId="HTMLAcronym">
    <w:name w:val="HTML Acronym"/>
    <w:basedOn w:val="DefaultParagraphFont"/>
  </w:style>
  <w:style w:type="paragraph" w:styleId="HTMLAddress">
    <w:name w:val="HTML Address"/>
    <w:basedOn w:val="Normal"/>
    <w:rPr>
      <w:i/>
      <w:iCs/>
    </w:rPr>
  </w:style>
  <w:style w:type="character" w:styleId="HTMLCite">
    <w:name w:val="HTML Cite"/>
    <w:basedOn w:val="DefaultParagraphFont"/>
    <w:rPr>
      <w:i/>
      <w:iCs/>
    </w:rPr>
  </w:style>
  <w:style w:type="character" w:styleId="HTMLCode">
    <w:name w:val="HTML Code"/>
    <w:basedOn w:val="DefaultParagraphFont"/>
    <w:rPr>
      <w:rFonts w:ascii="Courier New" w:hAnsi="Courier New"/>
      <w:sz w:val="20"/>
      <w:szCs w:val="20"/>
    </w:rPr>
  </w:style>
  <w:style w:type="character" w:styleId="HTMLDefinition">
    <w:name w:val="HTML Definition"/>
    <w:basedOn w:val="DefaultParagraphFont"/>
    <w:rPr>
      <w:i/>
      <w:iCs/>
    </w:rPr>
  </w:style>
  <w:style w:type="character" w:styleId="HTMLKeyboard">
    <w:name w:val="HTML Keyboard"/>
    <w:basedOn w:val="DefaultParagraphFont"/>
    <w:rPr>
      <w:rFonts w:ascii="Courier New" w:hAnsi="Courier New"/>
      <w:sz w:val="20"/>
      <w:szCs w:val="20"/>
    </w:rPr>
  </w:style>
  <w:style w:type="paragraph" w:styleId="HTMLPreformatted">
    <w:name w:val="HTML Preformatted"/>
    <w:basedOn w:val="Normal"/>
    <w:rPr>
      <w:rFonts w:ascii="Courier New" w:hAnsi="Courier New" w:cs="Courier New"/>
      <w:sz w:val="20"/>
    </w:rPr>
  </w:style>
  <w:style w:type="character" w:styleId="HTMLSample">
    <w:name w:val="HTML Sample"/>
    <w:basedOn w:val="DefaultParagraphFont"/>
    <w:rPr>
      <w:rFonts w:ascii="Courier New" w:hAnsi="Courier New"/>
    </w:rPr>
  </w:style>
  <w:style w:type="character" w:styleId="HTMLTypewriter">
    <w:name w:val="HTML Typewriter"/>
    <w:basedOn w:val="DefaultParagraphFont"/>
    <w:rPr>
      <w:rFonts w:ascii="Courier New" w:hAnsi="Courier New"/>
      <w:sz w:val="20"/>
      <w:szCs w:val="20"/>
    </w:rPr>
  </w:style>
  <w:style w:type="character" w:styleId="HTMLVariable">
    <w:name w:val="HTML Variable"/>
    <w:basedOn w:val="DefaultParagraphFont"/>
    <w:rPr>
      <w:i/>
      <w:iCs/>
    </w:rPr>
  </w:style>
  <w:style w:type="character" w:styleId="Hyperlink">
    <w:name w:val="Hyperlink"/>
    <w:basedOn w:val="DefaultParagraphFont"/>
    <w:rPr>
      <w:color w:val="0000FF"/>
      <w:u w:val="single"/>
    </w:rPr>
  </w:style>
  <w:style w:type="paragraph" w:styleId="Index1">
    <w:name w:val="index 1"/>
    <w:basedOn w:val="Normal"/>
    <w:next w:val="Normal"/>
    <w:autoRedefine/>
    <w:semiHidden/>
    <w:pPr>
      <w:ind w:left="190" w:hanging="190"/>
    </w:pPr>
  </w:style>
  <w:style w:type="paragraph" w:styleId="Index2">
    <w:name w:val="index 2"/>
    <w:basedOn w:val="Normal"/>
    <w:next w:val="Normal"/>
    <w:autoRedefine/>
    <w:semiHidden/>
    <w:pPr>
      <w:ind w:left="380" w:hanging="190"/>
    </w:pPr>
  </w:style>
  <w:style w:type="paragraph" w:styleId="Index3">
    <w:name w:val="index 3"/>
    <w:basedOn w:val="Normal"/>
    <w:next w:val="Normal"/>
    <w:autoRedefine/>
    <w:semiHidden/>
    <w:pPr>
      <w:ind w:left="570" w:hanging="190"/>
    </w:pPr>
  </w:style>
  <w:style w:type="paragraph" w:styleId="Index4">
    <w:name w:val="index 4"/>
    <w:basedOn w:val="Normal"/>
    <w:next w:val="Normal"/>
    <w:autoRedefine/>
    <w:semiHidden/>
    <w:pPr>
      <w:ind w:left="760" w:hanging="190"/>
    </w:pPr>
  </w:style>
  <w:style w:type="paragraph" w:styleId="Index5">
    <w:name w:val="index 5"/>
    <w:basedOn w:val="Normal"/>
    <w:next w:val="Normal"/>
    <w:autoRedefine/>
    <w:semiHidden/>
    <w:pPr>
      <w:ind w:left="950" w:hanging="190"/>
    </w:pPr>
  </w:style>
  <w:style w:type="paragraph" w:styleId="Index6">
    <w:name w:val="index 6"/>
    <w:basedOn w:val="Normal"/>
    <w:next w:val="Normal"/>
    <w:autoRedefine/>
    <w:semiHidden/>
    <w:pPr>
      <w:ind w:left="1140" w:hanging="190"/>
    </w:pPr>
  </w:style>
  <w:style w:type="paragraph" w:styleId="Index7">
    <w:name w:val="index 7"/>
    <w:basedOn w:val="Normal"/>
    <w:next w:val="Normal"/>
    <w:autoRedefine/>
    <w:semiHidden/>
    <w:pPr>
      <w:ind w:left="1330" w:hanging="190"/>
    </w:pPr>
  </w:style>
  <w:style w:type="paragraph" w:styleId="Index8">
    <w:name w:val="index 8"/>
    <w:basedOn w:val="Normal"/>
    <w:next w:val="Normal"/>
    <w:autoRedefine/>
    <w:semiHidden/>
    <w:pPr>
      <w:ind w:left="1520" w:hanging="190"/>
    </w:pPr>
  </w:style>
  <w:style w:type="paragraph" w:styleId="Index9">
    <w:name w:val="index 9"/>
    <w:basedOn w:val="Normal"/>
    <w:next w:val="Normal"/>
    <w:autoRedefine/>
    <w:semiHidden/>
    <w:pPr>
      <w:ind w:left="1710" w:hanging="190"/>
    </w:pPr>
  </w:style>
  <w:style w:type="paragraph" w:styleId="IndexHeading">
    <w:name w:val="index heading"/>
    <w:basedOn w:val="Normal"/>
    <w:next w:val="Index1"/>
    <w:semiHidden/>
    <w:rPr>
      <w:rFonts w:cs="Arial"/>
      <w:b/>
      <w:bCs/>
    </w:rPr>
  </w:style>
  <w:style w:type="character" w:styleId="LineNumber">
    <w:name w:val="line number"/>
    <w:basedOn w:val="DefaultParagraphFont"/>
  </w:style>
  <w:style w:type="paragraph" w:styleId="List">
    <w:name w:val="List"/>
    <w:basedOn w:val="Normal"/>
    <w:pPr>
      <w:ind w:left="283" w:hanging="283"/>
    </w:pPr>
  </w:style>
  <w:style w:type="paragraph" w:styleId="List2">
    <w:name w:val="List 2"/>
    <w:basedOn w:val="Normal"/>
    <w:pPr>
      <w:ind w:left="566" w:hanging="283"/>
    </w:pPr>
  </w:style>
  <w:style w:type="paragraph" w:styleId="List3">
    <w:name w:val="List 3"/>
    <w:basedOn w:val="Normal"/>
    <w:pPr>
      <w:ind w:left="849" w:hanging="283"/>
    </w:pPr>
  </w:style>
  <w:style w:type="paragraph" w:styleId="List4">
    <w:name w:val="List 4"/>
    <w:basedOn w:val="Normal"/>
    <w:pPr>
      <w:ind w:left="1132" w:hanging="283"/>
    </w:pPr>
  </w:style>
  <w:style w:type="paragraph" w:styleId="List5">
    <w:name w:val="List 5"/>
    <w:basedOn w:val="Normal"/>
    <w:pPr>
      <w:ind w:left="1415" w:hanging="283"/>
    </w:pPr>
  </w:style>
  <w:style w:type="paragraph" w:styleId="ListBullet">
    <w:name w:val="List Bullet"/>
    <w:basedOn w:val="Normal"/>
    <w:autoRedefine/>
    <w:pPr>
      <w:numPr>
        <w:numId w:val="1"/>
      </w:numPr>
    </w:pPr>
  </w:style>
  <w:style w:type="paragraph" w:styleId="ListBullet2">
    <w:name w:val="List Bullet 2"/>
    <w:basedOn w:val="Normal"/>
    <w:autoRedefine/>
    <w:pPr>
      <w:numPr>
        <w:numId w:val="2"/>
      </w:numPr>
    </w:pPr>
  </w:style>
  <w:style w:type="paragraph" w:styleId="ListBullet3">
    <w:name w:val="List Bullet 3"/>
    <w:basedOn w:val="Normal"/>
    <w:autoRedefine/>
    <w:pPr>
      <w:numPr>
        <w:numId w:val="3"/>
      </w:numPr>
    </w:pPr>
  </w:style>
  <w:style w:type="paragraph" w:styleId="ListBullet4">
    <w:name w:val="List Bullet 4"/>
    <w:basedOn w:val="Normal"/>
    <w:autoRedefine/>
    <w:pPr>
      <w:numPr>
        <w:numId w:val="4"/>
      </w:numPr>
    </w:pPr>
  </w:style>
  <w:style w:type="paragraph" w:styleId="ListBullet5">
    <w:name w:val="List Bullet 5"/>
    <w:basedOn w:val="Normal"/>
    <w:autoRedefine/>
    <w:pPr>
      <w:numPr>
        <w:numId w:val="5"/>
      </w:numPr>
    </w:pPr>
  </w:style>
  <w:style w:type="paragraph" w:styleId="ListContinue">
    <w:name w:val="List Continue"/>
    <w:basedOn w:val="Normal"/>
    <w:pPr>
      <w:spacing w:after="120"/>
      <w:ind w:left="283"/>
    </w:pPr>
  </w:style>
  <w:style w:type="paragraph" w:styleId="ListContinue2">
    <w:name w:val="List Continue 2"/>
    <w:basedOn w:val="Normal"/>
    <w:pPr>
      <w:spacing w:after="120"/>
      <w:ind w:left="566"/>
    </w:pPr>
  </w:style>
  <w:style w:type="paragraph" w:styleId="ListContinue3">
    <w:name w:val="List Continue 3"/>
    <w:basedOn w:val="Normal"/>
    <w:pPr>
      <w:spacing w:after="120"/>
      <w:ind w:left="849"/>
    </w:pPr>
  </w:style>
  <w:style w:type="paragraph" w:styleId="ListContinue4">
    <w:name w:val="List Continue 4"/>
    <w:basedOn w:val="Normal"/>
    <w:pPr>
      <w:spacing w:after="120"/>
      <w:ind w:left="1132"/>
    </w:pPr>
  </w:style>
  <w:style w:type="paragraph" w:styleId="ListContinue5">
    <w:name w:val="List Continue 5"/>
    <w:basedOn w:val="Normal"/>
    <w:pPr>
      <w:spacing w:after="120"/>
      <w:ind w:left="1415"/>
    </w:pPr>
  </w:style>
  <w:style w:type="paragraph" w:styleId="ListNumber">
    <w:name w:val="List Number"/>
    <w:basedOn w:val="Normal"/>
    <w:pPr>
      <w:numPr>
        <w:numId w:val="6"/>
      </w:numPr>
    </w:pPr>
  </w:style>
  <w:style w:type="paragraph" w:styleId="ListNumber2">
    <w:name w:val="List Number 2"/>
    <w:basedOn w:val="Normal"/>
    <w:pPr>
      <w:numPr>
        <w:numId w:val="7"/>
      </w:numPr>
    </w:pPr>
  </w:style>
  <w:style w:type="paragraph" w:styleId="ListNumber3">
    <w:name w:val="List Number 3"/>
    <w:basedOn w:val="Normal"/>
    <w:pPr>
      <w:numPr>
        <w:numId w:val="8"/>
      </w:numPr>
    </w:pPr>
  </w:style>
  <w:style w:type="paragraph" w:styleId="ListNumber4">
    <w:name w:val="List Number 4"/>
    <w:basedOn w:val="Normal"/>
    <w:pPr>
      <w:numPr>
        <w:numId w:val="9"/>
      </w:numPr>
    </w:pPr>
  </w:style>
  <w:style w:type="paragraph" w:styleId="ListNumber5">
    <w:name w:val="List Number 5"/>
    <w:basedOn w:val="Normal"/>
    <w:pPr>
      <w:numPr>
        <w:numId w:val="10"/>
      </w:numPr>
    </w:pPr>
  </w:style>
  <w:style w:type="paragraph" w:styleId="MacroText">
    <w:name w:val="macro"/>
    <w:semiHidden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4" w:lineRule="atLeast"/>
    </w:pPr>
    <w:rPr>
      <w:rFonts w:ascii="Courier New" w:hAnsi="Courier New" w:cs="Courier New"/>
      <w:lang w:eastAsia="en-US"/>
    </w:rPr>
  </w:style>
  <w:style w:type="paragraph" w:styleId="MessageHeader">
    <w:name w:val="Message Header"/>
    <w:basedOn w:val="Normal"/>
    <w:pPr>
      <w:pBdr>
        <w:top w:val="single" w:color="auto" w:sz="6" w:space="1"/>
        <w:left w:val="single" w:color="auto" w:sz="6" w:space="1"/>
        <w:bottom w:val="single" w:color="auto" w:sz="6" w:space="1"/>
        <w:right w:val="single" w:color="auto" w:sz="6" w:space="1"/>
      </w:pBdr>
      <w:shd w:val="pct20" w:color="auto" w:fill="auto"/>
      <w:ind w:left="1134" w:hanging="1134"/>
    </w:pPr>
    <w:rPr>
      <w:rFonts w:cs="Arial"/>
      <w:sz w:val="24"/>
      <w:szCs w:val="24"/>
    </w:rPr>
  </w:style>
  <w:style w:type="paragraph" w:styleId="NormalWeb">
    <w:name w:val="Normal (Web)"/>
    <w:basedOn w:val="Normal"/>
    <w:rPr>
      <w:rFonts w:ascii="Times New Roman" w:hAnsi="Times New Roman"/>
      <w:sz w:val="24"/>
      <w:szCs w:val="24"/>
    </w:rPr>
  </w:style>
  <w:style w:type="paragraph" w:styleId="NormalIndent">
    <w:name w:val="Normal Indent"/>
    <w:basedOn w:val="Normal"/>
    <w:pPr>
      <w:ind w:left="720"/>
    </w:pPr>
  </w:style>
  <w:style w:type="paragraph" w:styleId="NoteHeading">
    <w:name w:val="Note Heading"/>
    <w:basedOn w:val="Normal"/>
    <w:next w:val="Normal"/>
  </w:style>
  <w:style w:type="character" w:styleId="PageNumber">
    <w:name w:val="page number"/>
    <w:basedOn w:val="DefaultParagraphFont"/>
  </w:style>
  <w:style w:type="paragraph" w:styleId="PlainText">
    <w:name w:val="Plain Text"/>
    <w:basedOn w:val="Normal"/>
    <w:rPr>
      <w:rFonts w:ascii="Courier New" w:hAnsi="Courier New" w:cs="Courier New"/>
      <w:sz w:val="20"/>
    </w:rPr>
  </w:style>
  <w:style w:type="paragraph" w:styleId="Salutation">
    <w:name w:val="Salutation"/>
    <w:basedOn w:val="Normal"/>
    <w:next w:val="Normal"/>
  </w:style>
  <w:style w:type="paragraph" w:styleId="Signature">
    <w:name w:val="Signature"/>
    <w:basedOn w:val="Normal"/>
    <w:pPr>
      <w:ind w:left="4252"/>
    </w:pPr>
  </w:style>
  <w:style w:type="character" w:styleId="Strong">
    <w:name w:val="Strong"/>
    <w:basedOn w:val="DefaultParagraphFont"/>
    <w:qFormat/>
    <w:rPr>
      <w:b/>
      <w:bCs/>
    </w:rPr>
  </w:style>
  <w:style w:type="paragraph" w:styleId="Subtitle">
    <w:name w:val="Subtitle"/>
    <w:basedOn w:val="Normal"/>
    <w:qFormat/>
    <w:pPr>
      <w:spacing w:after="60"/>
      <w:jc w:val="center"/>
      <w:outlineLvl w:val="1"/>
    </w:pPr>
    <w:rPr>
      <w:rFonts w:cs="Arial"/>
      <w:sz w:val="24"/>
      <w:szCs w:val="24"/>
    </w:rPr>
  </w:style>
  <w:style w:type="paragraph" w:styleId="TableofAuthorities">
    <w:name w:val="table of authorities"/>
    <w:basedOn w:val="Normal"/>
    <w:next w:val="Normal"/>
    <w:semiHidden/>
    <w:pPr>
      <w:ind w:left="190" w:hanging="190"/>
    </w:pPr>
  </w:style>
  <w:style w:type="paragraph" w:styleId="TableofFigures">
    <w:name w:val="table of figures"/>
    <w:basedOn w:val="Normal"/>
    <w:next w:val="Normal"/>
    <w:semiHidden/>
    <w:pPr>
      <w:ind w:left="380" w:hanging="380"/>
    </w:pPr>
  </w:style>
  <w:style w:type="paragraph" w:styleId="Title">
    <w:name w:val="Title"/>
    <w:basedOn w:val="Normal"/>
    <w:qFormat/>
    <w:pPr>
      <w:spacing w:before="240" w:after="60"/>
      <w:jc w:val="center"/>
      <w:outlineLvl w:val="0"/>
    </w:pPr>
    <w:rPr>
      <w:rFonts w:cs="Arial"/>
      <w:b/>
      <w:bCs/>
      <w:kern w:val="28"/>
      <w:sz w:val="32"/>
      <w:szCs w:val="32"/>
    </w:rPr>
  </w:style>
  <w:style w:type="paragraph" w:styleId="TOAHeading">
    <w:name w:val="toa heading"/>
    <w:basedOn w:val="Normal"/>
    <w:next w:val="Normal"/>
    <w:semiHidden/>
    <w:pPr>
      <w:spacing w:before="120"/>
    </w:pPr>
    <w:rPr>
      <w:rFonts w:cs="Arial"/>
      <w:b/>
      <w:bCs/>
      <w:sz w:val="24"/>
      <w:szCs w:val="24"/>
    </w:rPr>
  </w:style>
  <w:style w:type="paragraph" w:styleId="TOC1">
    <w:name w:val="toc 1"/>
    <w:basedOn w:val="Normal"/>
    <w:next w:val="Normal"/>
    <w:autoRedefine/>
    <w:semiHidden/>
  </w:style>
  <w:style w:type="paragraph" w:styleId="TOC2">
    <w:name w:val="toc 2"/>
    <w:basedOn w:val="Normal"/>
    <w:next w:val="Normal"/>
    <w:autoRedefine/>
    <w:semiHidden/>
    <w:pPr>
      <w:ind w:left="190"/>
    </w:pPr>
  </w:style>
  <w:style w:type="paragraph" w:styleId="TOC3">
    <w:name w:val="toc 3"/>
    <w:basedOn w:val="Normal"/>
    <w:next w:val="Normal"/>
    <w:autoRedefine/>
    <w:semiHidden/>
    <w:pPr>
      <w:ind w:left="380"/>
    </w:pPr>
  </w:style>
  <w:style w:type="paragraph" w:styleId="TOC4">
    <w:name w:val="toc 4"/>
    <w:basedOn w:val="Normal"/>
    <w:next w:val="Normal"/>
    <w:autoRedefine/>
    <w:semiHidden/>
    <w:pPr>
      <w:ind w:left="570"/>
    </w:pPr>
  </w:style>
  <w:style w:type="paragraph" w:styleId="TOC5">
    <w:name w:val="toc 5"/>
    <w:basedOn w:val="Normal"/>
    <w:next w:val="Normal"/>
    <w:autoRedefine/>
    <w:semiHidden/>
    <w:pPr>
      <w:ind w:left="760"/>
    </w:pPr>
  </w:style>
  <w:style w:type="paragraph" w:styleId="TOC6">
    <w:name w:val="toc 6"/>
    <w:basedOn w:val="Normal"/>
    <w:next w:val="Normal"/>
    <w:autoRedefine/>
    <w:semiHidden/>
    <w:pPr>
      <w:ind w:left="950"/>
    </w:pPr>
  </w:style>
  <w:style w:type="paragraph" w:styleId="TOC7">
    <w:name w:val="toc 7"/>
    <w:basedOn w:val="Normal"/>
    <w:next w:val="Normal"/>
    <w:autoRedefine/>
    <w:semiHidden/>
    <w:pPr>
      <w:ind w:left="1140"/>
    </w:pPr>
  </w:style>
  <w:style w:type="paragraph" w:styleId="TOC8">
    <w:name w:val="toc 8"/>
    <w:basedOn w:val="Normal"/>
    <w:next w:val="Normal"/>
    <w:autoRedefine/>
    <w:semiHidden/>
    <w:pPr>
      <w:ind w:left="1330"/>
    </w:pPr>
  </w:style>
  <w:style w:type="paragraph" w:styleId="TOC9">
    <w:name w:val="toc 9"/>
    <w:basedOn w:val="Normal"/>
    <w:next w:val="Normal"/>
    <w:autoRedefine/>
    <w:semiHidden/>
    <w:pPr>
      <w:ind w:left="1520"/>
    </w:pPr>
  </w:style>
  <w:style w:type="table" w:styleId="ErasmusTableClean" w:customStyle="1">
    <w:name w:val="Erasmus_TableClean"/>
    <w:basedOn w:val="TableNormal"/>
    <w:uiPriority w:val="99"/>
    <w:rsid w:val="009223DA"/>
    <w:tblPr>
      <w:tblCellMar>
        <w:left w:w="0" w:type="dxa"/>
        <w:right w:w="0" w:type="dxa"/>
      </w:tblCellMar>
    </w:tblPr>
  </w:style>
  <w:style w:type="character" w:styleId="PlaceholderText">
    <w:name w:val="Placeholder Text"/>
    <w:basedOn w:val="DefaultParagraphFont"/>
    <w:uiPriority w:val="99"/>
    <w:semiHidden/>
    <w:rsid w:val="00A55DEC"/>
    <w:rPr>
      <w:color w:val="808080"/>
    </w:rPr>
  </w:style>
  <w:style w:type="table" w:styleId="TableGrid1" w:customStyle="1">
    <w:name w:val="Table Grid1"/>
    <w:basedOn w:val="TableNormal"/>
    <w:next w:val="TableGrid"/>
    <w:uiPriority w:val="59"/>
    <w:rsid w:val="00723765"/>
    <w:rPr>
      <w:rFonts w:ascii="Aptos" w:hAnsi="Aptos" w:eastAsia="MS Mincho" w:cs="Arial"/>
      <w:sz w:val="24"/>
      <w:szCs w:val="24"/>
      <w:lang w:val="en-US" w:eastAsia="ja-JP"/>
    </w:rPr>
    <w:tblPr>
      <w:tblBorders>
        <w:top w:val="single" w:color="000000" w:sz="4" w:space="0"/>
        <w:left w:val="single" w:color="000000" w:sz="4" w:space="0"/>
        <w:bottom w:val="single" w:color="000000" w:sz="4" w:space="0"/>
        <w:right w:val="single" w:color="000000" w:sz="4" w:space="0"/>
        <w:insideH w:val="single" w:color="000000" w:sz="4" w:space="0"/>
        <w:insideV w:val="single" w:color="000000" w:sz="4" w:space="0"/>
      </w:tblBorders>
    </w:tblPr>
  </w:style>
  <w:style w:type="table" w:styleId="TableGrid">
    <w:name w:val="Table Grid"/>
    <w:basedOn w:val="TableNormal"/>
    <w:rsid w:val="00723765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paragraph" w:styleId="BalloonText">
    <w:name w:val="Balloon Text"/>
    <w:basedOn w:val="Normal"/>
    <w:link w:val="BalloonTextChar"/>
    <w:rsid w:val="00723765"/>
    <w:pPr>
      <w:spacing w:line="240" w:lineRule="auto"/>
    </w:pPr>
    <w:rPr>
      <w:rFonts w:ascii="Segoe UI" w:hAnsi="Segoe UI" w:cs="Segoe UI"/>
      <w:sz w:val="18"/>
      <w:szCs w:val="18"/>
    </w:rPr>
  </w:style>
  <w:style w:type="character" w:styleId="BalloonTextChar" w:customStyle="1">
    <w:name w:val="Balloon Text Char"/>
    <w:basedOn w:val="DefaultParagraphFont"/>
    <w:link w:val="BalloonText"/>
    <w:rsid w:val="00723765"/>
    <w:rPr>
      <w:rFonts w:ascii="Segoe UI" w:hAnsi="Segoe UI" w:cs="Segoe UI"/>
      <w:sz w:val="18"/>
      <w:szCs w:val="18"/>
      <w:lang w:eastAsia="en-US"/>
    </w:rPr>
  </w:style>
  <w:style w:type="paragraph" w:styleId="ListParagraph">
    <w:name w:val="List Paragraph"/>
    <w:basedOn w:val="Normal"/>
    <w:uiPriority w:val="34"/>
    <w:qFormat/>
    <w:rsid w:val="005E6D88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61874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489839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274903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198436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367910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188645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637604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712004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782122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870471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277097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119030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430436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608878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007390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449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375100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700063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517789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126695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394216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40178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545993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160492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979603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700095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34203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082790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942271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644930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72121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350291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457475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838076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381241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064066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52412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038327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697177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865223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758973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509338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394838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881703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886681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206214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284144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282518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013910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999748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334291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042687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471341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746454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16078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13362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690960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708079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857624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449876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129134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404853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620744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002565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1469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557928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06067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340474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150753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206201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158738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494928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304356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307955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822466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097027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430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716404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328165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352179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623160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604161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50773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093258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320267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058971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254970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619102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447970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254542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89850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156565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090778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609372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928931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533484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274054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052042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291493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431102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372601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007207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070489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903895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161283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745239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622388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557456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646068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9765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563896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980303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3137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059349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677188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521208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107735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420257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647688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462091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907929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558534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238968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852130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737008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210467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427588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500737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85144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762499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230778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206757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45422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066124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8254696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86652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268398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090992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777557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770630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795284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753082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57807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287734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521981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720561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921970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906099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082700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577500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459825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965651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06595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092099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285334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987156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43725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302059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072397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307710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328343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696606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6071935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570631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001297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529859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790552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607839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239818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672550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690909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84616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310835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356923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142085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940965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271663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5604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354994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893811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07125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418358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084646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746296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208751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322755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754851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65447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298835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945128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227012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25336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144611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457367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171008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670252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205094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78269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264987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690566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23857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73977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67259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490678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96084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402173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838594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77388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111850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089449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105342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608771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546923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491175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081325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355232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146389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525144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108633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00033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248686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956316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748700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01374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837737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408807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110575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427275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374450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059843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862863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426851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82484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469337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061971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869872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6548003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979885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957931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574186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919010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632786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487642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347066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699789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68158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934580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142885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520608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939778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703122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186956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332178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846130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295792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7067634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199663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146565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506799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546395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112663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266162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898819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314211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214500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942579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243734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955341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54646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283476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509627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334362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201486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388474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758692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418425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814988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566311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620336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073924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347750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901996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120253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67058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000233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375612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303519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426972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258715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630738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16449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408507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52445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317953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660877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671566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822776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768524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306818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312212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56824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383892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747330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28119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798375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646713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568809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436513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231633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488431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274384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7735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921701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338199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398370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912089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146648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53254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743659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668059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5869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045622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027852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747481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34290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343741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844178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900735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184157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060999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718201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301658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32107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438140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146148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394686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118957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850992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25103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500979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328555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69449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318409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863681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827396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792197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352457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73819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365377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229271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541859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559040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722380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34131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06072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138176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54377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208716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230567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057083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361065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378086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664378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226125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870353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230815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757379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325300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597766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734613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648889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413292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619553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371980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458257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189100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505027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791109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494452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227216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272456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345845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646111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05635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128285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411182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54834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623667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41304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469608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703548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070920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980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689806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663805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594309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040177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279104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048522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732064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307112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16770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825095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742076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297296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379347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519052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222749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620246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324936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191291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239947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010906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862316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395279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147040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618191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298248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824953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790067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199233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365233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121841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282361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692153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599916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124904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851399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200850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91562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231458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248553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215381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499786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820174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079764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512775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482992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312525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37681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4697526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556910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300089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106332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683073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572373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869243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959498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525325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380406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689852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208310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826853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024239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455831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822330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79648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92818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601198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910667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752029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06024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187148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919887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752326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216395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666864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584807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703246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430846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48583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755327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559100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998429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141958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864454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945309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460540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544140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913731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173968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326149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299040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74431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066418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846445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753943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784295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967410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313275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85007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54930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124760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682066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413048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369028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488298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628969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318639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520294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422245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680893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490853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348993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405016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178612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298053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231905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268114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318324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160830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722212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726302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74674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883877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98557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409619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626479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724137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113090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910211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744010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176691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811092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027601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528664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51712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997272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283781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630191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297976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563725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431194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225625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448641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7409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741620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21401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718064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395971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678287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541927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830626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251153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174170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788721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15955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409354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914602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313127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264725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61992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453591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828940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291267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661125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800038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20621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590909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526932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452945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985695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750849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986017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281585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641222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2515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997757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652150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467273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991333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634005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724671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28944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937714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26495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929402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90241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726980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292008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838511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733081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04603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19707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3120309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207102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054003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109069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377237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455902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025632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872077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018685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745624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222405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999794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20963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289906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790886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327869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71001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425056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337293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95628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945017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44964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006177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471469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947460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364867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679927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487347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258329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17235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997108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198194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294630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520386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315993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09327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531458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730065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577037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334927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937928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010501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848472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900494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906344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510168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878664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623682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413687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295475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00510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19985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76286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274556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159173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215785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621238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061435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77814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012094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327562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446112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742728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290634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334436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083584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26762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025406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747251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219287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512356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92013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170841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659479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704895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729526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978220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329848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053624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886342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284871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35971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845429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828094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423448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64595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463479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644812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813583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214513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136814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061198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101006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514106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457861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938814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801940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571423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646122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407430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726781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505210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383735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58278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585228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564763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098501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11228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27008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672462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366311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6658606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079312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28884340">
              <w:marLeft w:val="-75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5905040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0296677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1549520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8019442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4485347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4458170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6020849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4195097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6550108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2602965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452429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7081950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6623054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0949609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301715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5640595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7795457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3680084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1379315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5810698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599211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6939137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1058071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5320086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3208221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2622830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582308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7824861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0384136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1268861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8820237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2287893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1030580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648083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3155699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4550482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9546825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2543551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3983480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3809302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2817015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0467075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644311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4566300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1190008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6633879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0225432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5833034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4837265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2075207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249328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1436585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9158635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8320631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8190628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7364131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2651986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9986172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01517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1579352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11437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7493640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6357986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376882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8366154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2515004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0079946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2571731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9682783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4266455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10075907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5219452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4698947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4141492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7396739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7113581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2382014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6576568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4121848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4566629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1418575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8032439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7682549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9206951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27961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3640456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9666533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9441039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923127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5064245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1495652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7630948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5822347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3960915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133779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8204205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351216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1521988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2192047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2262841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1531059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9173323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60213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6922549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6706345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6067707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2651658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941787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2420313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9387916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  <w:div w:id="1295146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32653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40174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030661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398084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559694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897461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13220985">
              <w:marLeft w:val="0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35430825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5463508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1341214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3577254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4826993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4493084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0311418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4482997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2371987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8858535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0771892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9650296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6459601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32388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5149171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0891743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14265218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9489511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2453122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6238306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7902422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6543826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399346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8462504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7492799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6704211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446890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9149544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7933575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0097196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4220260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9672361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8295904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4618540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0771731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9290525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8578100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4549892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1718580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0663752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375854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2147444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6145044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0950661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2181860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1696348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  <w:div w:id="4025262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0750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17621046">
              <w:marLeft w:val="0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355205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4719455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4186652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4264860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9904612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7712399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7501794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3976273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919926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4409410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5822590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060270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2164639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902665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0256891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0196984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0202697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7998194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2607657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4058335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919812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2533165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582069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3216557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5238492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3859428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1508405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7833671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5452222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7815813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8115331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2554000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8468473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3956986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5932487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9453627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2086921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6069856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1186996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9122085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2324397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8938034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1001705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1128063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2622829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4062830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  <w:div w:id="6777763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4020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86373682">
              <w:marLeft w:val="0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04964746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8069569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236828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3450065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688081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1627659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384096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0422134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1088019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9755023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2881022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1636395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8379467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4774766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9988284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4323216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3039667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786693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6687406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633432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1213769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2524747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5555818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0508871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9828781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4917586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698162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6211836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9630074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398172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0987240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1598417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8057900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7185369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8186474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8127551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2744854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5181343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3779719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0596474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1330192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6389816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0654833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4790371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4829753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1408825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  <w:div w:id="14095709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31612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36342152">
              <w:marLeft w:val="0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02663690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2655115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3092760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6010205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92579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4075860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0516154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164718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0746928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371053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6628255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1235197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9932839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628642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547121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6534268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9434552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8096151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5081994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529589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11717036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8803948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4467170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4136723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3344010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9609101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9174113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0540514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550288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8836672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5965181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09560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4537167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3751772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2741528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5132418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8131043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986062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4310441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110008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7203730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4276131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2127751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1406470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9759083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4727089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  <w:div w:id="2808457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532457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0611551">
              <w:marLeft w:val="0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1319704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838329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1319301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098178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3854334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6883266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0959903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0435583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9496835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5142454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432271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9707116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003232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0884103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4001381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0519678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682172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9370437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157432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58994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12992856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5887917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6026788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9708821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3594759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5470318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8837902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1385655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2884607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6290705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805399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194801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1756359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6294928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530985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3711010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8675476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7884937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3775975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4336487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320839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3075235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2690748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8470975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0874996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0582690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  <w:div w:id="20413932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197049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28381829">
              <w:marLeft w:val="0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6721571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4794796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5935635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5254202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638798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1182040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5395615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3917064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031034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2671626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8070223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7366214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7535713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1837096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0676075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2793141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6894683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002355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75942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9872674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4327808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128587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2943874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5947596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1944760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8386271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4884650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7897252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4231584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2662221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1269180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4052466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7831307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0655082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0697153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4049256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9162802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9296901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8729989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9378910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4974770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9191483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4775791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8529694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223628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459149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  <w:div w:id="14489608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954194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906200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30160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728735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045297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044399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859674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877310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746524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784763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70223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017378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689737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605320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192460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78150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691673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129471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046943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78381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579079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699385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790093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68011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533911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738612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082924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142540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514573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857842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89308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187951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05193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352336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252051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03789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540543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952597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680137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199923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187961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52368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885246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118584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969852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567141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59962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153987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907229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123454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883682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579565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51235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90193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91878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141207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511024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78057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848178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669692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915887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320819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365920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109452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694152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036238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541871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631477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220066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987821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23798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022041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71630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408586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820050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01128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775111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826392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619353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6324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748227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337808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831022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850766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641914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011438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951662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382603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328493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340613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338016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313631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195117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126196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606111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050461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014442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070169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623578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68742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796898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720000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713255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214545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754988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995941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369128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287258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81300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717502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6668575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443691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575560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268191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162484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644069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616712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423920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568554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640050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986785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847802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016199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788604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865460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732132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256599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825274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26003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011287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907212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678074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395019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059999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797658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025785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5158356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467460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831813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191942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512817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901620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603084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836571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736582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057861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485063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861554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063783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395753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686309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550605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70846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901037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327538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27761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585917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803807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096590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058280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361393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427068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630769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835949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506311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708229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806951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948597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877769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014025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300434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9737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914430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301545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955717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231205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696846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407104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907389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964364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95277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494393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706233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034364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919964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571094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19538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388263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260864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045523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973312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867365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655078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585757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429325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589509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284751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006763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093602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437412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812292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259008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162779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216137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5602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695076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045495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830080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192004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004812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474996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721247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951215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936988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586120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82260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154179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3100183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549064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764990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97089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1157132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243074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99460946">
              <w:marLeft w:val="-75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95872859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009186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803265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0021131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2243989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5659704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4537711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3620894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6808648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2958938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4329696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0762148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0785837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8502739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863750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3863547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0107844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6092871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5275544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071372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6298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0108167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5624699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9583695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2630493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445158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7357621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6446662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9302198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8863958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7789778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2016808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433119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6353047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2415941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0707090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1033628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717554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3574547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0614219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2737924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9183300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5110160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6195263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6440237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139043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6104014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8287815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4557642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3179674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6551143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4638637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6258017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5188186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8001034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5086603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398344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1620969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1014302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6674926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7232380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7446024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8563775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6647099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8858943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5354236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2037270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8818977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0939098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5070723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3273535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6072570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6273584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6593830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6891705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7097786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0803344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8355664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094809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9134730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8358567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7212370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4056188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8116341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7530480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7766890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0208987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0909230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2808890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951959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5871620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379077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677310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9293508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7446713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0143531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3057772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3141497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9482000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4536639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8191244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4231522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0393054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6334057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0003895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1123411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6046412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0594235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3288416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9767255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  <w:div w:id="16694016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45326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730412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400939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38761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ettings" Target="settings.xml" Id="rId8" /><Relationship Type="http://schemas.openxmlformats.org/officeDocument/2006/relationships/footer" Target="footer1.xml" Id="rId13" /><Relationship Type="http://schemas.openxmlformats.org/officeDocument/2006/relationships/customXml" Target="../customXml/item3.xml" Id="rId3" /><Relationship Type="http://schemas.openxmlformats.org/officeDocument/2006/relationships/styles" Target="styles.xml" Id="rId7" /><Relationship Type="http://schemas.openxmlformats.org/officeDocument/2006/relationships/customXml" Target="../customXml/item2.xml" Id="rId2" /><Relationship Type="http://schemas.openxmlformats.org/officeDocument/2006/relationships/customXml" Target="../customXml/item1.xml" Id="rId1" /><Relationship Type="http://schemas.openxmlformats.org/officeDocument/2006/relationships/numbering" Target="numbering.xml" Id="rId6" /><Relationship Type="http://schemas.openxmlformats.org/officeDocument/2006/relationships/endnotes" Target="endnotes.xml" Id="rId11" /><Relationship Type="http://schemas.openxmlformats.org/officeDocument/2006/relationships/customXml" Target="../customXml/item5.xml" Id="rId5" /><Relationship Type="http://schemas.openxmlformats.org/officeDocument/2006/relationships/theme" Target="theme/theme1.xml" Id="rId15" /><Relationship Type="http://schemas.openxmlformats.org/officeDocument/2006/relationships/footnotes" Target="footnotes.xml" Id="rId10" /><Relationship Type="http://schemas.openxmlformats.org/officeDocument/2006/relationships/customXml" Target="../customXml/item4.xml" Id="rId4" /><Relationship Type="http://schemas.openxmlformats.org/officeDocument/2006/relationships/webSettings" Target="webSettings.xml" Id="rId9" /><Relationship Type="http://schemas.openxmlformats.org/officeDocument/2006/relationships/fontTable" Target="fontTable.xml" Id="rId14" /><Relationship Type="http://schemas.openxmlformats.org/officeDocument/2006/relationships/header" Target="header.xml" Id="R27d8c13c418e404d" /><Relationship Type="http://schemas.openxmlformats.org/officeDocument/2006/relationships/header" Target="header2.xml" Id="Rebf392e4fcfa4fbb" /><Relationship Type="http://schemas.openxmlformats.org/officeDocument/2006/relationships/footer" Target="footer2.xml" Id="R9d5329cadefc400d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402020\AppData\Local\Temp\Templafy\WordVsto\stcvvhmp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co_zonder logo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6C1FA37B5262147B4549E8DE2E4739B" ma:contentTypeVersion="14" ma:contentTypeDescription="Een nieuw document maken." ma:contentTypeScope="" ma:versionID="c9acdeeb96a33f0aee373371e698dc5a">
  <xsd:schema xmlns:xsd="http://www.w3.org/2001/XMLSchema" xmlns:xs="http://www.w3.org/2001/XMLSchema" xmlns:p="http://schemas.microsoft.com/office/2006/metadata/properties" xmlns:ns3="e9b2dda3-49b6-41c8-bda1-93fed4f2a0a3" xmlns:ns4="1429763f-b1c5-4913-9a44-2ede3827c575" targetNamespace="http://schemas.microsoft.com/office/2006/metadata/properties" ma:root="true" ma:fieldsID="547afa85acf63ac8b358590da1f70ef4" ns3:_="" ns4:_="">
    <xsd:import namespace="e9b2dda3-49b6-41c8-bda1-93fed4f2a0a3"/>
    <xsd:import namespace="1429763f-b1c5-4913-9a44-2ede3827c575"/>
    <xsd:element name="properties">
      <xsd:complexType>
        <xsd:sequence>
          <xsd:element name="documentManagement">
            <xsd:complexType>
              <xsd:all>
                <xsd:element ref="ns3:_activity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MediaServiceGenerationTime" minOccurs="0"/>
                <xsd:element ref="ns3:MediaServiceEventHashCode" minOccurs="0"/>
                <xsd:element ref="ns3:MediaServiceSystemTags" minOccurs="0"/>
                <xsd:element ref="ns3:MediaServiceOCR" minOccurs="0"/>
                <xsd:element ref="ns3:MediaServiceDateTaken" minOccurs="0"/>
                <xsd:element ref="ns3:MediaServiceSearchProperties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9b2dda3-49b6-41c8-bda1-93fed4f2a0a3" elementFormDefault="qualified">
    <xsd:import namespace="http://schemas.microsoft.com/office/2006/documentManagement/types"/>
    <xsd:import namespace="http://schemas.microsoft.com/office/infopath/2007/PartnerControls"/>
    <xsd:element name="_activity" ma:index="8" nillable="true" ma:displayName="_activity" ma:hidden="true" ma:internalName="_activity">
      <xsd:simpleType>
        <xsd:restriction base="dms:Note"/>
      </xsd:simpleType>
    </xsd:element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ystemTags" ma:index="17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429763f-b1c5-4913-9a44-2ede3827c575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1" nillable="true" ma:displayName="Hint-hash delen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e9b2dda3-49b6-41c8-bda1-93fed4f2a0a3" xsi:nil="true"/>
  </documentManagement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25CF1DA8-58E3-41B5-AEBD-1393C8C85577}">
  <ds:schemaRefs/>
</ds:datastoreItem>
</file>

<file path=customXml/itemProps2.xml><?xml version="1.0" encoding="utf-8"?>
<ds:datastoreItem xmlns:ds="http://schemas.openxmlformats.org/officeDocument/2006/customXml" ds:itemID="{933762B3-9947-4CD2-B22F-91ECEE8EE67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9b2dda3-49b6-41c8-bda1-93fed4f2a0a3"/>
    <ds:schemaRef ds:uri="1429763f-b1c5-4913-9a44-2ede3827c57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4086FD31-8E9E-44FA-A9B5-2986BB74D790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EC99AE09-222A-4D05-A0F0-8A0864C35B6A}">
  <ds:schemaRefs>
    <ds:schemaRef ds:uri="http://schemas.openxmlformats.org/package/2006/metadata/core-properties"/>
    <ds:schemaRef ds:uri="http://purl.org/dc/elements/1.1/"/>
    <ds:schemaRef ds:uri="1429763f-b1c5-4913-9a44-2ede3827c575"/>
    <ds:schemaRef ds:uri="http://purl.org/dc/terms/"/>
    <ds:schemaRef ds:uri="http://schemas.microsoft.com/office/2006/documentManagement/types"/>
    <ds:schemaRef ds:uri="http://schemas.microsoft.com/office/infopath/2007/PartnerControls"/>
    <ds:schemaRef ds:uri="e9b2dda3-49b6-41c8-bda1-93fed4f2a0a3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34FDF57A-AF3A-47E0-B5E9-EAC2189B123F}">
  <ds:schemaRefs/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stcvvhmp.dotx</ap:Template>
  <ap:Application>Microsoft Word for the web</ap:Application>
  <ap:DocSecurity>0</ap:DocSecurity>
  <ap:ScaleCrop>false</ap:ScaleCrop>
  <ap:Company>Iris Huisstijlautomatisering</ap:Company>
  <ap:SharedDoc>false</ap:SharedDoc>
  <ap:HyperlinksChanged>false</ap:HyperlinksChanged>
  <ap:AppVersion>16.0000</ap:AppVersion>
  <ap:LinksUpToDate>false</ap:LinksUpToDate>
</ap:Properties>
</file>

<file path=docProps/core.xml><?xml version="1.0" encoding="utf-8"?>
<coreProperties xmlns:dc="http://purl.org/dc/elements/1.1/" xmlns:dcterms="http://purl.org/dc/terms/" xmlns:xsi="http://www.w3.org/2001/XMLSchema-instance" xmlns="http://schemas.openxmlformats.org/package/2006/metadata/core-properties">
  <dc:title>Brief</dc:title>
  <dc:subject/>
  <dc:creator>J. de Jong</dc:creator>
  <keywords/>
  <dc:description/>
  <lastModifiedBy>Jessica de Jong</lastModifiedBy>
  <revision>6</revision>
  <dcterms:created xsi:type="dcterms:W3CDTF">2025-11-25T13:12:00.0000000Z</dcterms:created>
  <dcterms:modified xsi:type="dcterms:W3CDTF">2026-04-22T08:39:44.9433020Z</dcterms:modified>
</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ogoAanUit">
    <vt:lpwstr>UIT</vt:lpwstr>
  </property>
  <property fmtid="{D5CDD505-2E9C-101B-9397-08002B2CF9AE}" pid="3" name="Taal">
    <vt:lpwstr>Nederlands</vt:lpwstr>
  </property>
  <property fmtid="{D5CDD505-2E9C-101B-9397-08002B2CF9AE}" pid="4" name="Logo">
    <vt:r8>0</vt:r8>
  </property>
  <property fmtid="{D5CDD505-2E9C-101B-9397-08002B2CF9AE}" pid="5" name="LogoVolg">
    <vt:r8>0</vt:r8>
  </property>
  <property fmtid="{D5CDD505-2E9C-101B-9397-08002B2CF9AE}" pid="6" name="TemplafyTenantId">
    <vt:lpwstr>erasmusmc</vt:lpwstr>
  </property>
  <property fmtid="{D5CDD505-2E9C-101B-9397-08002B2CF9AE}" pid="7" name="TemplafyTemplateId">
    <vt:lpwstr>1240459355548026554</vt:lpwstr>
  </property>
  <property fmtid="{D5CDD505-2E9C-101B-9397-08002B2CF9AE}" pid="8" name="TemplafyUserProfileId">
    <vt:lpwstr>637731681193122681</vt:lpwstr>
  </property>
  <property fmtid="{D5CDD505-2E9C-101B-9397-08002B2CF9AE}" pid="9" name="TemplafyFromBlank">
    <vt:bool>true</vt:bool>
  </property>
  <property fmtid="{D5CDD505-2E9C-101B-9397-08002B2CF9AE}" pid="10" name="ContentTypeId">
    <vt:lpwstr>0x01010076C1FA37B5262147B4549E8DE2E4739B</vt:lpwstr>
  </property>
</Properties>
</file>